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-120" yWindow="-120" windowWidth="24240" windowHeight="13140"/>
  </bookViews>
  <sheets>
    <sheet name="Data" sheetId="1" r:id="rId1"/>
    <sheet name="Pivot" sheetId="2" r:id="rId2"/>
  </sheets>
  <calcPr calcId="191029"/>
  <pivotCaches>
    <pivotCache cacheId="0" r:id="rId3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526" i="1" l="1"/>
</calcChain>
</file>

<file path=xl/sharedStrings.xml><?xml version="1.0" encoding="utf-8"?>
<sst xmlns="http://schemas.openxmlformats.org/spreadsheetml/2006/main" count="2166" uniqueCount="73">
  <si>
    <t>BU</t>
  </si>
  <si>
    <t>company</t>
  </si>
  <si>
    <t>asset_location</t>
  </si>
  <si>
    <t>retirement_unit</t>
  </si>
  <si>
    <t>vintage</t>
  </si>
  <si>
    <t>activity_quantity</t>
  </si>
  <si>
    <t>Kentucky Power - Distr</t>
  </si>
  <si>
    <t>Distribution Mass Property - KY : KEP : 9099</t>
  </si>
  <si>
    <t>Pole, Wood</t>
  </si>
  <si>
    <t>1954</t>
  </si>
  <si>
    <t>1963</t>
  </si>
  <si>
    <t>1964</t>
  </si>
  <si>
    <t>1965</t>
  </si>
  <si>
    <t>1966</t>
  </si>
  <si>
    <t>1967</t>
  </si>
  <si>
    <t>1968</t>
  </si>
  <si>
    <t>1969</t>
  </si>
  <si>
    <t>1970</t>
  </si>
  <si>
    <t>1971</t>
  </si>
  <si>
    <t>1972</t>
  </si>
  <si>
    <t>1973</t>
  </si>
  <si>
    <t>1974</t>
  </si>
  <si>
    <t>1975</t>
  </si>
  <si>
    <t>1976</t>
  </si>
  <si>
    <t>1977</t>
  </si>
  <si>
    <t>1978</t>
  </si>
  <si>
    <t>1979</t>
  </si>
  <si>
    <t>1980</t>
  </si>
  <si>
    <t>1981</t>
  </si>
  <si>
    <t>1982</t>
  </si>
  <si>
    <t>1983</t>
  </si>
  <si>
    <t>1984</t>
  </si>
  <si>
    <t>1985</t>
  </si>
  <si>
    <t>1986</t>
  </si>
  <si>
    <t>1987</t>
  </si>
  <si>
    <t>1988</t>
  </si>
  <si>
    <t>1989</t>
  </si>
  <si>
    <t>1990</t>
  </si>
  <si>
    <t>1991</t>
  </si>
  <si>
    <t>1992</t>
  </si>
  <si>
    <t>1993</t>
  </si>
  <si>
    <t>1994</t>
  </si>
  <si>
    <t>1995</t>
  </si>
  <si>
    <t>1996</t>
  </si>
  <si>
    <t>1997</t>
  </si>
  <si>
    <t>1998</t>
  </si>
  <si>
    <t>1999</t>
  </si>
  <si>
    <t>2000</t>
  </si>
  <si>
    <t>2001</t>
  </si>
  <si>
    <t>2002</t>
  </si>
  <si>
    <t>2003</t>
  </si>
  <si>
    <t>2004</t>
  </si>
  <si>
    <t>2005</t>
  </si>
  <si>
    <t>2006</t>
  </si>
  <si>
    <t>2007</t>
  </si>
  <si>
    <t>2008</t>
  </si>
  <si>
    <t>2009</t>
  </si>
  <si>
    <t>2010</t>
  </si>
  <si>
    <t>2011</t>
  </si>
  <si>
    <t>2012</t>
  </si>
  <si>
    <t>2013</t>
  </si>
  <si>
    <t>2014</t>
  </si>
  <si>
    <t>2015</t>
  </si>
  <si>
    <t>2016</t>
  </si>
  <si>
    <t>2017</t>
  </si>
  <si>
    <t>2018</t>
  </si>
  <si>
    <t>2019</t>
  </si>
  <si>
    <t>2020</t>
  </si>
  <si>
    <t>2021</t>
  </si>
  <si>
    <t>Pole, Wood Total</t>
  </si>
  <si>
    <t>Row Labels</t>
  </si>
  <si>
    <t>Grand Total</t>
  </si>
  <si>
    <t>Sum of activity_quantit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1"/>
      <name val="Arial"/>
      <family val="2"/>
    </font>
    <font>
      <b/>
      <sz val="12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9">
    <xf numFmtId="0" fontId="0" fillId="0" borderId="0" xfId="0"/>
    <xf numFmtId="37" fontId="0" fillId="0" borderId="0" xfId="0" applyNumberFormat="1"/>
    <xf numFmtId="0" fontId="1" fillId="0" borderId="0" xfId="0" applyFont="1"/>
    <xf numFmtId="0" fontId="0" fillId="0" borderId="0" xfId="0" pivotButton="1"/>
    <xf numFmtId="0" fontId="0" fillId="0" borderId="0" xfId="0" applyAlignment="1">
      <alignment horizontal="left"/>
    </xf>
    <xf numFmtId="0" fontId="0" fillId="0" borderId="0" xfId="0" applyNumberFormat="1"/>
    <xf numFmtId="0" fontId="2" fillId="0" borderId="0" xfId="0" applyFont="1"/>
    <xf numFmtId="0" fontId="3" fillId="0" borderId="0" xfId="0" applyFont="1"/>
    <xf numFmtId="37" fontId="3" fillId="0" borderId="0" xfId="0" applyNumberFormat="1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pivotCacheDefinition" Target="pivotCache/pivotCacheDefinition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s182458" refreshedDate="44685.582009490739" createdVersion="7" refreshedVersion="7" minRefreshableVersion="3" recordCount="524">
  <cacheSource type="worksheet">
    <worksheetSource ref="A1:F525" sheet="Data"/>
  </cacheSource>
  <cacheFields count="6">
    <cacheField name="BU" numFmtId="0">
      <sharedItems containsSemiMixedTypes="0" containsString="0" containsNumber="1" containsInteger="1" minValue="110" maxValue="110"/>
    </cacheField>
    <cacheField name="company" numFmtId="0">
      <sharedItems/>
    </cacheField>
    <cacheField name="asset_location" numFmtId="0">
      <sharedItems/>
    </cacheField>
    <cacheField name="retirement_unit" numFmtId="0">
      <sharedItems/>
    </cacheField>
    <cacheField name="vintage" numFmtId="0">
      <sharedItems count="60">
        <s v="1954"/>
        <s v="1963"/>
        <s v="1964"/>
        <s v="1965"/>
        <s v="1966"/>
        <s v="1967"/>
        <s v="1968"/>
        <s v="1969"/>
        <s v="1970"/>
        <s v="1971"/>
        <s v="1972"/>
        <s v="1973"/>
        <s v="1974"/>
        <s v="1975"/>
        <s v="1976"/>
        <s v="1977"/>
        <s v="1978"/>
        <s v="1979"/>
        <s v="1980"/>
        <s v="1981"/>
        <s v="1982"/>
        <s v="1983"/>
        <s v="1984"/>
        <s v="1985"/>
        <s v="1986"/>
        <s v="1987"/>
        <s v="1988"/>
        <s v="1989"/>
        <s v="1990"/>
        <s v="1991"/>
        <s v="1992"/>
        <s v="1993"/>
        <s v="1994"/>
        <s v="1995"/>
        <s v="1996"/>
        <s v="1997"/>
        <s v="1998"/>
        <s v="1999"/>
        <s v="2000"/>
        <s v="2001"/>
        <s v="2002"/>
        <s v="2003"/>
        <s v="2004"/>
        <s v="2005"/>
        <s v="2006"/>
        <s v="2007"/>
        <s v="2008"/>
        <s v="2009"/>
        <s v="2010"/>
        <s v="2011"/>
        <s v="2012"/>
        <s v="2013"/>
        <s v="2014"/>
        <s v="2015"/>
        <s v="2016"/>
        <s v="2017"/>
        <s v="2018"/>
        <s v="2019"/>
        <s v="2020"/>
        <s v="2021"/>
      </sharedItems>
    </cacheField>
    <cacheField name="activity_quantity" numFmtId="37">
      <sharedItems containsSemiMixedTypes="0" containsString="0" containsNumber="1" containsInteger="1" minValue="-6699" maxValue="19615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524">
  <r>
    <n v="110"/>
    <s v="Kentucky Power - Distr"/>
    <s v="Distribution Mass Property - KY : KEP : 9099"/>
    <s v="Pole, Wood"/>
    <x v="0"/>
    <n v="10"/>
  </r>
  <r>
    <n v="110"/>
    <s v="Kentucky Power - Distr"/>
    <s v="Distribution Mass Property - KY : KEP : 9099"/>
    <s v="Pole, Wood"/>
    <x v="1"/>
    <n v="-1"/>
  </r>
  <r>
    <n v="110"/>
    <s v="Kentucky Power - Distr"/>
    <s v="Distribution Mass Property - KY : KEP : 9099"/>
    <s v="Pole, Wood"/>
    <x v="1"/>
    <n v="4"/>
  </r>
  <r>
    <n v="110"/>
    <s v="Kentucky Power - Distr"/>
    <s v="Distribution Mass Property - KY : KEP : 9099"/>
    <s v="Pole, Wood"/>
    <x v="1"/>
    <n v="1"/>
  </r>
  <r>
    <n v="110"/>
    <s v="Kentucky Power - Distr"/>
    <s v="Distribution Mass Property - KY : KEP : 9099"/>
    <s v="Pole, Wood"/>
    <x v="1"/>
    <n v="-1"/>
  </r>
  <r>
    <n v="110"/>
    <s v="Kentucky Power - Distr"/>
    <s v="Distribution Mass Property - KY : KEP : 9099"/>
    <s v="Pole, Wood"/>
    <x v="2"/>
    <n v="10"/>
  </r>
  <r>
    <n v="110"/>
    <s v="Kentucky Power - Distr"/>
    <s v="Distribution Mass Property - KY : KEP : 9099"/>
    <s v="Pole, Wood"/>
    <x v="2"/>
    <n v="3"/>
  </r>
  <r>
    <n v="110"/>
    <s v="Kentucky Power - Distr"/>
    <s v="Distribution Mass Property - KY : KEP : 9099"/>
    <s v="Pole, Wood"/>
    <x v="2"/>
    <n v="-3"/>
  </r>
  <r>
    <n v="110"/>
    <s v="Kentucky Power - Distr"/>
    <s v="Distribution Mass Property - KY : KEP : 9099"/>
    <s v="Pole, Wood"/>
    <x v="3"/>
    <n v="-1"/>
  </r>
  <r>
    <n v="110"/>
    <s v="Kentucky Power - Distr"/>
    <s v="Distribution Mass Property - KY : KEP : 9099"/>
    <s v="Pole, Wood"/>
    <x v="3"/>
    <n v="22"/>
  </r>
  <r>
    <n v="110"/>
    <s v="Kentucky Power - Distr"/>
    <s v="Distribution Mass Property - KY : KEP : 9099"/>
    <s v="Pole, Wood"/>
    <x v="3"/>
    <n v="-6"/>
  </r>
  <r>
    <n v="110"/>
    <s v="Kentucky Power - Distr"/>
    <s v="Distribution Mass Property - KY : KEP : 9099"/>
    <s v="Pole, Wood"/>
    <x v="3"/>
    <n v="6"/>
  </r>
  <r>
    <n v="110"/>
    <s v="Kentucky Power - Distr"/>
    <s v="Distribution Mass Property - KY : KEP : 9099"/>
    <s v="Pole, Wood"/>
    <x v="4"/>
    <n v="36"/>
  </r>
  <r>
    <n v="110"/>
    <s v="Kentucky Power - Distr"/>
    <s v="Distribution Mass Property - KY : KEP : 9099"/>
    <s v="Pole, Wood"/>
    <x v="4"/>
    <n v="-1"/>
  </r>
  <r>
    <n v="110"/>
    <s v="Kentucky Power - Distr"/>
    <s v="Distribution Mass Property - KY : KEP : 9099"/>
    <s v="Pole, Wood"/>
    <x v="4"/>
    <n v="-10"/>
  </r>
  <r>
    <n v="110"/>
    <s v="Kentucky Power - Distr"/>
    <s v="Distribution Mass Property - KY : KEP : 9099"/>
    <s v="Pole, Wood"/>
    <x v="4"/>
    <n v="10"/>
  </r>
  <r>
    <n v="110"/>
    <s v="Kentucky Power - Distr"/>
    <s v="Distribution Mass Property - KY : KEP : 9099"/>
    <s v="Pole, Wood"/>
    <x v="4"/>
    <n v="1"/>
  </r>
  <r>
    <n v="110"/>
    <s v="Kentucky Power - Distr"/>
    <s v="Distribution Mass Property - KY : KEP : 9099"/>
    <s v="Pole, Wood"/>
    <x v="4"/>
    <n v="-1"/>
  </r>
  <r>
    <n v="110"/>
    <s v="Kentucky Power - Distr"/>
    <s v="Distribution Mass Property - KY : KEP : 9099"/>
    <s v="Pole, Wood"/>
    <x v="5"/>
    <n v="66"/>
  </r>
  <r>
    <n v="110"/>
    <s v="Kentucky Power - Distr"/>
    <s v="Distribution Mass Property - KY : KEP : 9099"/>
    <s v="Pole, Wood"/>
    <x v="5"/>
    <n v="-3"/>
  </r>
  <r>
    <n v="110"/>
    <s v="Kentucky Power - Distr"/>
    <s v="Distribution Mass Property - KY : KEP : 9099"/>
    <s v="Pole, Wood"/>
    <x v="5"/>
    <n v="-19"/>
  </r>
  <r>
    <n v="110"/>
    <s v="Kentucky Power - Distr"/>
    <s v="Distribution Mass Property - KY : KEP : 9099"/>
    <s v="Pole, Wood"/>
    <x v="5"/>
    <n v="19"/>
  </r>
  <r>
    <n v="110"/>
    <s v="Kentucky Power - Distr"/>
    <s v="Distribution Mass Property - KY : KEP : 9099"/>
    <s v="Pole, Wood"/>
    <x v="5"/>
    <n v="1"/>
  </r>
  <r>
    <n v="110"/>
    <s v="Kentucky Power - Distr"/>
    <s v="Distribution Mass Property - KY : KEP : 9099"/>
    <s v="Pole, Wood"/>
    <x v="5"/>
    <n v="-1"/>
  </r>
  <r>
    <n v="110"/>
    <s v="Kentucky Power - Distr"/>
    <s v="Distribution Mass Property - KY : KEP : 9099"/>
    <s v="Pole, Wood"/>
    <x v="6"/>
    <n v="102"/>
  </r>
  <r>
    <n v="110"/>
    <s v="Kentucky Power - Distr"/>
    <s v="Distribution Mass Property - KY : KEP : 9099"/>
    <s v="Pole, Wood"/>
    <x v="6"/>
    <n v="-3"/>
  </r>
  <r>
    <n v="110"/>
    <s v="Kentucky Power - Distr"/>
    <s v="Distribution Mass Property - KY : KEP : 9099"/>
    <s v="Pole, Wood"/>
    <x v="6"/>
    <n v="29"/>
  </r>
  <r>
    <n v="110"/>
    <s v="Kentucky Power - Distr"/>
    <s v="Distribution Mass Property - KY : KEP : 9099"/>
    <s v="Pole, Wood"/>
    <x v="6"/>
    <n v="-29"/>
  </r>
  <r>
    <n v="110"/>
    <s v="Kentucky Power - Distr"/>
    <s v="Distribution Mass Property - KY : KEP : 9099"/>
    <s v="Pole, Wood"/>
    <x v="6"/>
    <n v="-2"/>
  </r>
  <r>
    <n v="110"/>
    <s v="Kentucky Power - Distr"/>
    <s v="Distribution Mass Property - KY : KEP : 9099"/>
    <s v="Pole, Wood"/>
    <x v="6"/>
    <n v="2"/>
  </r>
  <r>
    <n v="110"/>
    <s v="Kentucky Power - Distr"/>
    <s v="Distribution Mass Property - KY : KEP : 9099"/>
    <s v="Pole, Wood"/>
    <x v="7"/>
    <n v="-5"/>
  </r>
  <r>
    <n v="110"/>
    <s v="Kentucky Power - Distr"/>
    <s v="Distribution Mass Property - KY : KEP : 9099"/>
    <s v="Pole, Wood"/>
    <x v="7"/>
    <n v="4"/>
  </r>
  <r>
    <n v="110"/>
    <s v="Kentucky Power - Distr"/>
    <s v="Distribution Mass Property - KY : KEP : 9099"/>
    <s v="Pole, Wood"/>
    <x v="7"/>
    <n v="139"/>
  </r>
  <r>
    <n v="110"/>
    <s v="Kentucky Power - Distr"/>
    <s v="Distribution Mass Property - KY : KEP : 9099"/>
    <s v="Pole, Wood"/>
    <x v="7"/>
    <n v="40"/>
  </r>
  <r>
    <n v="110"/>
    <s v="Kentucky Power - Distr"/>
    <s v="Distribution Mass Property - KY : KEP : 9099"/>
    <s v="Pole, Wood"/>
    <x v="7"/>
    <n v="-40"/>
  </r>
  <r>
    <n v="110"/>
    <s v="Kentucky Power - Distr"/>
    <s v="Distribution Mass Property - KY : KEP : 9099"/>
    <s v="Pole, Wood"/>
    <x v="7"/>
    <n v="-2"/>
  </r>
  <r>
    <n v="110"/>
    <s v="Kentucky Power - Distr"/>
    <s v="Distribution Mass Property - KY : KEP : 9099"/>
    <s v="Pole, Wood"/>
    <x v="7"/>
    <n v="2"/>
  </r>
  <r>
    <n v="110"/>
    <s v="Kentucky Power - Distr"/>
    <s v="Distribution Mass Property - KY : KEP : 9099"/>
    <s v="Pole, Wood"/>
    <x v="8"/>
    <n v="-7"/>
  </r>
  <r>
    <n v="110"/>
    <s v="Kentucky Power - Distr"/>
    <s v="Distribution Mass Property - KY : KEP : 9099"/>
    <s v="Pole, Wood"/>
    <x v="8"/>
    <n v="202"/>
  </r>
  <r>
    <n v="110"/>
    <s v="Kentucky Power - Distr"/>
    <s v="Distribution Mass Property - KY : KEP : 9099"/>
    <s v="Pole, Wood"/>
    <x v="8"/>
    <n v="-57"/>
  </r>
  <r>
    <n v="110"/>
    <s v="Kentucky Power - Distr"/>
    <s v="Distribution Mass Property - KY : KEP : 9099"/>
    <s v="Pole, Wood"/>
    <x v="8"/>
    <n v="57"/>
  </r>
  <r>
    <n v="110"/>
    <s v="Kentucky Power - Distr"/>
    <s v="Distribution Mass Property - KY : KEP : 9099"/>
    <s v="Pole, Wood"/>
    <x v="8"/>
    <n v="-4"/>
  </r>
  <r>
    <n v="110"/>
    <s v="Kentucky Power - Distr"/>
    <s v="Distribution Mass Property - KY : KEP : 9099"/>
    <s v="Pole, Wood"/>
    <x v="8"/>
    <n v="4"/>
  </r>
  <r>
    <n v="110"/>
    <s v="Kentucky Power - Distr"/>
    <s v="Distribution Mass Property - KY : KEP : 9099"/>
    <s v="Pole, Wood"/>
    <x v="9"/>
    <n v="-8"/>
  </r>
  <r>
    <n v="110"/>
    <s v="Kentucky Power - Distr"/>
    <s v="Distribution Mass Property - KY : KEP : 9099"/>
    <s v="Pole, Wood"/>
    <x v="9"/>
    <n v="264"/>
  </r>
  <r>
    <n v="110"/>
    <s v="Kentucky Power - Distr"/>
    <s v="Distribution Mass Property - KY : KEP : 9099"/>
    <s v="Pole, Wood"/>
    <x v="9"/>
    <n v="74"/>
  </r>
  <r>
    <n v="110"/>
    <s v="Kentucky Power - Distr"/>
    <s v="Distribution Mass Property - KY : KEP : 9099"/>
    <s v="Pole, Wood"/>
    <x v="9"/>
    <n v="-74"/>
  </r>
  <r>
    <n v="110"/>
    <s v="Kentucky Power - Distr"/>
    <s v="Distribution Mass Property - KY : KEP : 9099"/>
    <s v="Pole, Wood"/>
    <x v="9"/>
    <n v="-5"/>
  </r>
  <r>
    <n v="110"/>
    <s v="Kentucky Power - Distr"/>
    <s v="Distribution Mass Property - KY : KEP : 9099"/>
    <s v="Pole, Wood"/>
    <x v="9"/>
    <n v="5"/>
  </r>
  <r>
    <n v="110"/>
    <s v="Kentucky Power - Distr"/>
    <s v="Distribution Mass Property - KY : KEP : 9099"/>
    <s v="Pole, Wood"/>
    <x v="10"/>
    <n v="-15"/>
  </r>
  <r>
    <n v="110"/>
    <s v="Kentucky Power - Distr"/>
    <s v="Distribution Mass Property - KY : KEP : 9099"/>
    <s v="Pole, Wood"/>
    <x v="10"/>
    <n v="-3"/>
  </r>
  <r>
    <n v="110"/>
    <s v="Kentucky Power - Distr"/>
    <s v="Distribution Mass Property - KY : KEP : 9099"/>
    <s v="Pole, Wood"/>
    <x v="10"/>
    <n v="-4"/>
  </r>
  <r>
    <n v="110"/>
    <s v="Kentucky Power - Distr"/>
    <s v="Distribution Mass Property - KY : KEP : 9099"/>
    <s v="Pole, Wood"/>
    <x v="10"/>
    <n v="473"/>
  </r>
  <r>
    <n v="110"/>
    <s v="Kentucky Power - Distr"/>
    <s v="Distribution Mass Property - KY : KEP : 9099"/>
    <s v="Pole, Wood"/>
    <x v="10"/>
    <n v="6"/>
  </r>
  <r>
    <n v="110"/>
    <s v="Kentucky Power - Distr"/>
    <s v="Distribution Mass Property - KY : KEP : 9099"/>
    <s v="Pole, Wood"/>
    <x v="10"/>
    <n v="-133"/>
  </r>
  <r>
    <n v="110"/>
    <s v="Kentucky Power - Distr"/>
    <s v="Distribution Mass Property - KY : KEP : 9099"/>
    <s v="Pole, Wood"/>
    <x v="10"/>
    <n v="133"/>
  </r>
  <r>
    <n v="110"/>
    <s v="Kentucky Power - Distr"/>
    <s v="Distribution Mass Property - KY : KEP : 9099"/>
    <s v="Pole, Wood"/>
    <x v="10"/>
    <n v="-8"/>
  </r>
  <r>
    <n v="110"/>
    <s v="Kentucky Power - Distr"/>
    <s v="Distribution Mass Property - KY : KEP : 9099"/>
    <s v="Pole, Wood"/>
    <x v="10"/>
    <n v="8"/>
  </r>
  <r>
    <n v="110"/>
    <s v="Kentucky Power - Distr"/>
    <s v="Distribution Mass Property - KY : KEP : 9099"/>
    <s v="Pole, Wood"/>
    <x v="11"/>
    <n v="-32"/>
  </r>
  <r>
    <n v="110"/>
    <s v="Kentucky Power - Distr"/>
    <s v="Distribution Mass Property - KY : KEP : 9099"/>
    <s v="Pole, Wood"/>
    <x v="11"/>
    <n v="0"/>
  </r>
  <r>
    <n v="110"/>
    <s v="Kentucky Power - Distr"/>
    <s v="Distribution Mass Property - KY : KEP : 9099"/>
    <s v="Pole, Wood"/>
    <x v="11"/>
    <n v="-5"/>
  </r>
  <r>
    <n v="110"/>
    <s v="Kentucky Power - Distr"/>
    <s v="Distribution Mass Property - KY : KEP : 9099"/>
    <s v="Pole, Wood"/>
    <x v="11"/>
    <n v="-22"/>
  </r>
  <r>
    <n v="110"/>
    <s v="Kentucky Power - Distr"/>
    <s v="Distribution Mass Property - KY : KEP : 9099"/>
    <s v="Pole, Wood"/>
    <x v="11"/>
    <n v="688"/>
  </r>
  <r>
    <n v="110"/>
    <s v="Kentucky Power - Distr"/>
    <s v="Distribution Mass Property - KY : KEP : 9099"/>
    <s v="Pole, Wood"/>
    <x v="11"/>
    <n v="-194"/>
  </r>
  <r>
    <n v="110"/>
    <s v="Kentucky Power - Distr"/>
    <s v="Distribution Mass Property - KY : KEP : 9099"/>
    <s v="Pole, Wood"/>
    <x v="11"/>
    <n v="195"/>
  </r>
  <r>
    <n v="110"/>
    <s v="Kentucky Power - Distr"/>
    <s v="Distribution Mass Property - KY : KEP : 9099"/>
    <s v="Pole, Wood"/>
    <x v="11"/>
    <n v="-1"/>
  </r>
  <r>
    <n v="110"/>
    <s v="Kentucky Power - Distr"/>
    <s v="Distribution Mass Property - KY : KEP : 9099"/>
    <s v="Pole, Wood"/>
    <x v="11"/>
    <n v="-12"/>
  </r>
  <r>
    <n v="110"/>
    <s v="Kentucky Power - Distr"/>
    <s v="Distribution Mass Property - KY : KEP : 9099"/>
    <s v="Pole, Wood"/>
    <x v="11"/>
    <n v="12"/>
  </r>
  <r>
    <n v="110"/>
    <s v="Kentucky Power - Distr"/>
    <s v="Distribution Mass Property - KY : KEP : 9099"/>
    <s v="Pole, Wood"/>
    <x v="12"/>
    <n v="0"/>
  </r>
  <r>
    <n v="110"/>
    <s v="Kentucky Power - Distr"/>
    <s v="Distribution Mass Property - KY : KEP : 9099"/>
    <s v="Pole, Wood"/>
    <x v="12"/>
    <n v="791"/>
  </r>
  <r>
    <n v="110"/>
    <s v="Kentucky Power - Distr"/>
    <s v="Distribution Mass Property - KY : KEP : 9099"/>
    <s v="Pole, Wood"/>
    <x v="12"/>
    <n v="-23"/>
  </r>
  <r>
    <n v="110"/>
    <s v="Kentucky Power - Distr"/>
    <s v="Distribution Mass Property - KY : KEP : 9099"/>
    <s v="Pole, Wood"/>
    <x v="12"/>
    <n v="-3"/>
  </r>
  <r>
    <n v="110"/>
    <s v="Kentucky Power - Distr"/>
    <s v="Distribution Mass Property - KY : KEP : 9099"/>
    <s v="Pole, Wood"/>
    <x v="12"/>
    <n v="-39"/>
  </r>
  <r>
    <n v="110"/>
    <s v="Kentucky Power - Distr"/>
    <s v="Distribution Mass Property - KY : KEP : 9099"/>
    <s v="Pole, Wood"/>
    <x v="12"/>
    <n v="-1"/>
  </r>
  <r>
    <n v="110"/>
    <s v="Kentucky Power - Distr"/>
    <s v="Distribution Mass Property - KY : KEP : 9099"/>
    <s v="Pole, Wood"/>
    <x v="12"/>
    <n v="-222"/>
  </r>
  <r>
    <n v="110"/>
    <s v="Kentucky Power - Distr"/>
    <s v="Distribution Mass Property - KY : KEP : 9099"/>
    <s v="Pole, Wood"/>
    <x v="12"/>
    <n v="223"/>
  </r>
  <r>
    <n v="110"/>
    <s v="Kentucky Power - Distr"/>
    <s v="Distribution Mass Property - KY : KEP : 9099"/>
    <s v="Pole, Wood"/>
    <x v="12"/>
    <n v="-14"/>
  </r>
  <r>
    <n v="110"/>
    <s v="Kentucky Power - Distr"/>
    <s v="Distribution Mass Property - KY : KEP : 9099"/>
    <s v="Pole, Wood"/>
    <x v="12"/>
    <n v="14"/>
  </r>
  <r>
    <n v="110"/>
    <s v="Kentucky Power - Distr"/>
    <s v="Distribution Mass Property - KY : KEP : 9099"/>
    <s v="Pole, Wood"/>
    <x v="13"/>
    <n v="-30"/>
  </r>
  <r>
    <n v="110"/>
    <s v="Kentucky Power - Distr"/>
    <s v="Distribution Mass Property - KY : KEP : 9099"/>
    <s v="Pole, Wood"/>
    <x v="13"/>
    <n v="-7"/>
  </r>
  <r>
    <n v="110"/>
    <s v="Kentucky Power - Distr"/>
    <s v="Distribution Mass Property - KY : KEP : 9099"/>
    <s v="Pole, Wood"/>
    <x v="13"/>
    <n v="1025"/>
  </r>
  <r>
    <n v="110"/>
    <s v="Kentucky Power - Distr"/>
    <s v="Distribution Mass Property - KY : KEP : 9099"/>
    <s v="Pole, Wood"/>
    <x v="13"/>
    <n v="-110"/>
  </r>
  <r>
    <n v="110"/>
    <s v="Kentucky Power - Distr"/>
    <s v="Distribution Mass Property - KY : KEP : 9099"/>
    <s v="Pole, Wood"/>
    <x v="13"/>
    <n v="0"/>
  </r>
  <r>
    <n v="110"/>
    <s v="Kentucky Power - Distr"/>
    <s v="Distribution Mass Property - KY : KEP : 9099"/>
    <s v="Pole, Wood"/>
    <x v="13"/>
    <n v="-287"/>
  </r>
  <r>
    <n v="110"/>
    <s v="Kentucky Power - Distr"/>
    <s v="Distribution Mass Property - KY : KEP : 9099"/>
    <s v="Pole, Wood"/>
    <x v="13"/>
    <n v="291"/>
  </r>
  <r>
    <n v="110"/>
    <s v="Kentucky Power - Distr"/>
    <s v="Distribution Mass Property - KY : KEP : 9099"/>
    <s v="Pole, Wood"/>
    <x v="13"/>
    <n v="-4"/>
  </r>
  <r>
    <n v="110"/>
    <s v="Kentucky Power - Distr"/>
    <s v="Distribution Mass Property - KY : KEP : 9099"/>
    <s v="Pole, Wood"/>
    <x v="13"/>
    <n v="18"/>
  </r>
  <r>
    <n v="110"/>
    <s v="Kentucky Power - Distr"/>
    <s v="Distribution Mass Property - KY : KEP : 9099"/>
    <s v="Pole, Wood"/>
    <x v="13"/>
    <n v="-18"/>
  </r>
  <r>
    <n v="110"/>
    <s v="Kentucky Power - Distr"/>
    <s v="Distribution Mass Property - KY : KEP : 9099"/>
    <s v="Pole, Wood"/>
    <x v="14"/>
    <n v="-49"/>
  </r>
  <r>
    <n v="110"/>
    <s v="Kentucky Power - Distr"/>
    <s v="Distribution Mass Property - KY : KEP : 9099"/>
    <s v="Pole, Wood"/>
    <x v="14"/>
    <n v="0"/>
  </r>
  <r>
    <n v="110"/>
    <s v="Kentucky Power - Distr"/>
    <s v="Distribution Mass Property - KY : KEP : 9099"/>
    <s v="Pole, Wood"/>
    <x v="14"/>
    <n v="-2"/>
  </r>
  <r>
    <n v="110"/>
    <s v="Kentucky Power - Distr"/>
    <s v="Distribution Mass Property - KY : KEP : 9099"/>
    <s v="Pole, Wood"/>
    <x v="14"/>
    <n v="-24"/>
  </r>
  <r>
    <n v="110"/>
    <s v="Kentucky Power - Distr"/>
    <s v="Distribution Mass Property - KY : KEP : 9099"/>
    <s v="Pole, Wood"/>
    <x v="14"/>
    <n v="1690"/>
  </r>
  <r>
    <n v="110"/>
    <s v="Kentucky Power - Distr"/>
    <s v="Distribution Mass Property - KY : KEP : 9099"/>
    <s v="Pole, Wood"/>
    <x v="14"/>
    <n v="-231"/>
  </r>
  <r>
    <n v="110"/>
    <s v="Kentucky Power - Distr"/>
    <s v="Distribution Mass Property - KY : KEP : 9099"/>
    <s v="Pole, Wood"/>
    <x v="14"/>
    <n v="481"/>
  </r>
  <r>
    <n v="110"/>
    <s v="Kentucky Power - Distr"/>
    <s v="Distribution Mass Property - KY : KEP : 9099"/>
    <s v="Pole, Wood"/>
    <x v="14"/>
    <n v="-1"/>
  </r>
  <r>
    <n v="110"/>
    <s v="Kentucky Power - Distr"/>
    <s v="Distribution Mass Property - KY : KEP : 9099"/>
    <s v="Pole, Wood"/>
    <x v="14"/>
    <n v="-7"/>
  </r>
  <r>
    <n v="110"/>
    <s v="Kentucky Power - Distr"/>
    <s v="Distribution Mass Property - KY : KEP : 9099"/>
    <s v="Pole, Wood"/>
    <x v="14"/>
    <n v="-473"/>
  </r>
  <r>
    <n v="110"/>
    <s v="Kentucky Power - Distr"/>
    <s v="Distribution Mass Property - KY : KEP : 9099"/>
    <s v="Pole, Wood"/>
    <x v="14"/>
    <n v="30"/>
  </r>
  <r>
    <n v="110"/>
    <s v="Kentucky Power - Distr"/>
    <s v="Distribution Mass Property - KY : KEP : 9099"/>
    <s v="Pole, Wood"/>
    <x v="14"/>
    <n v="-30"/>
  </r>
  <r>
    <n v="110"/>
    <s v="Kentucky Power - Distr"/>
    <s v="Distribution Mass Property - KY : KEP : 9099"/>
    <s v="Pole, Wood"/>
    <x v="15"/>
    <n v="-52"/>
  </r>
  <r>
    <n v="110"/>
    <s v="Kentucky Power - Distr"/>
    <s v="Distribution Mass Property - KY : KEP : 9099"/>
    <s v="Pole, Wood"/>
    <x v="15"/>
    <n v="-302"/>
  </r>
  <r>
    <n v="110"/>
    <s v="Kentucky Power - Distr"/>
    <s v="Distribution Mass Property - KY : KEP : 9099"/>
    <s v="Pole, Wood"/>
    <x v="15"/>
    <n v="0"/>
  </r>
  <r>
    <n v="110"/>
    <s v="Kentucky Power - Distr"/>
    <s v="Distribution Mass Property - KY : KEP : 9099"/>
    <s v="Pole, Wood"/>
    <x v="15"/>
    <n v="-3"/>
  </r>
  <r>
    <n v="110"/>
    <s v="Kentucky Power - Distr"/>
    <s v="Distribution Mass Property - KY : KEP : 9099"/>
    <s v="Pole, Wood"/>
    <x v="15"/>
    <n v="-73"/>
  </r>
  <r>
    <n v="110"/>
    <s v="Kentucky Power - Distr"/>
    <s v="Distribution Mass Property - KY : KEP : 9099"/>
    <s v="Pole, Wood"/>
    <x v="15"/>
    <n v="2620"/>
  </r>
  <r>
    <n v="110"/>
    <s v="Kentucky Power - Distr"/>
    <s v="Distribution Mass Property - KY : KEP : 9099"/>
    <s v="Pole, Wood"/>
    <x v="15"/>
    <n v="-738"/>
  </r>
  <r>
    <n v="110"/>
    <s v="Kentucky Power - Distr"/>
    <s v="Distribution Mass Property - KY : KEP : 9099"/>
    <s v="Pole, Wood"/>
    <x v="15"/>
    <n v="-7"/>
  </r>
  <r>
    <n v="110"/>
    <s v="Kentucky Power - Distr"/>
    <s v="Distribution Mass Property - KY : KEP : 9099"/>
    <s v="Pole, Wood"/>
    <x v="15"/>
    <n v="749"/>
  </r>
  <r>
    <n v="110"/>
    <s v="Kentucky Power - Distr"/>
    <s v="Distribution Mass Property - KY : KEP : 9099"/>
    <s v="Pole, Wood"/>
    <x v="15"/>
    <n v="-4"/>
  </r>
  <r>
    <n v="110"/>
    <s v="Kentucky Power - Distr"/>
    <s v="Distribution Mass Property - KY : KEP : 9099"/>
    <s v="Pole, Wood"/>
    <x v="15"/>
    <n v="47"/>
  </r>
  <r>
    <n v="110"/>
    <s v="Kentucky Power - Distr"/>
    <s v="Distribution Mass Property - KY : KEP : 9099"/>
    <s v="Pole, Wood"/>
    <x v="15"/>
    <n v="-47"/>
  </r>
  <r>
    <n v="110"/>
    <s v="Kentucky Power - Distr"/>
    <s v="Distribution Mass Property - KY : KEP : 9099"/>
    <s v="Pole, Wood"/>
    <x v="16"/>
    <n v="-106"/>
  </r>
  <r>
    <n v="110"/>
    <s v="Kentucky Power - Distr"/>
    <s v="Distribution Mass Property - KY : KEP : 9099"/>
    <s v="Pole, Wood"/>
    <x v="16"/>
    <n v="-85"/>
  </r>
  <r>
    <n v="110"/>
    <s v="Kentucky Power - Distr"/>
    <s v="Distribution Mass Property - KY : KEP : 9099"/>
    <s v="Pole, Wood"/>
    <x v="16"/>
    <n v="-4"/>
  </r>
  <r>
    <n v="110"/>
    <s v="Kentucky Power - Distr"/>
    <s v="Distribution Mass Property - KY : KEP : 9099"/>
    <s v="Pole, Wood"/>
    <x v="16"/>
    <n v="3163"/>
  </r>
  <r>
    <n v="110"/>
    <s v="Kentucky Power - Distr"/>
    <s v="Distribution Mass Property - KY : KEP : 9099"/>
    <s v="Pole, Wood"/>
    <x v="16"/>
    <n v="-337"/>
  </r>
  <r>
    <n v="110"/>
    <s v="Kentucky Power - Distr"/>
    <s v="Distribution Mass Property - KY : KEP : 9099"/>
    <s v="Pole, Wood"/>
    <x v="16"/>
    <n v="0"/>
  </r>
  <r>
    <n v="110"/>
    <s v="Kentucky Power - Distr"/>
    <s v="Distribution Mass Property - KY : KEP : 9099"/>
    <s v="Pole, Wood"/>
    <x v="16"/>
    <n v="-875"/>
  </r>
  <r>
    <n v="110"/>
    <s v="Kentucky Power - Distr"/>
    <s v="Distribution Mass Property - KY : KEP : 9099"/>
    <s v="Pole, Wood"/>
    <x v="16"/>
    <n v="-7"/>
  </r>
  <r>
    <n v="110"/>
    <s v="Kentucky Power - Distr"/>
    <s v="Distribution Mass Property - KY : KEP : 9099"/>
    <s v="Pole, Wood"/>
    <x v="16"/>
    <n v="-20"/>
  </r>
  <r>
    <n v="110"/>
    <s v="Kentucky Power - Distr"/>
    <s v="Distribution Mass Property - KY : KEP : 9099"/>
    <s v="Pole, Wood"/>
    <x v="16"/>
    <n v="902"/>
  </r>
  <r>
    <n v="110"/>
    <s v="Kentucky Power - Distr"/>
    <s v="Distribution Mass Property - KY : KEP : 9099"/>
    <s v="Pole, Wood"/>
    <x v="16"/>
    <n v="56"/>
  </r>
  <r>
    <n v="110"/>
    <s v="Kentucky Power - Distr"/>
    <s v="Distribution Mass Property - KY : KEP : 9099"/>
    <s v="Pole, Wood"/>
    <x v="16"/>
    <n v="-56"/>
  </r>
  <r>
    <n v="110"/>
    <s v="Kentucky Power - Distr"/>
    <s v="Distribution Mass Property - KY : KEP : 9099"/>
    <s v="Pole, Wood"/>
    <x v="17"/>
    <n v="-124"/>
  </r>
  <r>
    <n v="110"/>
    <s v="Kentucky Power - Distr"/>
    <s v="Distribution Mass Property - KY : KEP : 9099"/>
    <s v="Pole, Wood"/>
    <x v="17"/>
    <n v="-110"/>
  </r>
  <r>
    <n v="110"/>
    <s v="Kentucky Power - Distr"/>
    <s v="Distribution Mass Property - KY : KEP : 9099"/>
    <s v="Pole, Wood"/>
    <x v="17"/>
    <n v="-12"/>
  </r>
  <r>
    <n v="110"/>
    <s v="Kentucky Power - Distr"/>
    <s v="Distribution Mass Property - KY : KEP : 9099"/>
    <s v="Pole, Wood"/>
    <x v="17"/>
    <n v="-413"/>
  </r>
  <r>
    <n v="110"/>
    <s v="Kentucky Power - Distr"/>
    <s v="Distribution Mass Property - KY : KEP : 9099"/>
    <s v="Pole, Wood"/>
    <x v="17"/>
    <n v="0"/>
  </r>
  <r>
    <n v="110"/>
    <s v="Kentucky Power - Distr"/>
    <s v="Distribution Mass Property - KY : KEP : 9099"/>
    <s v="Pole, Wood"/>
    <x v="17"/>
    <n v="4186"/>
  </r>
  <r>
    <n v="110"/>
    <s v="Kentucky Power - Distr"/>
    <s v="Distribution Mass Property - KY : KEP : 9099"/>
    <s v="Pole, Wood"/>
    <x v="17"/>
    <n v="-11"/>
  </r>
  <r>
    <n v="110"/>
    <s v="Kentucky Power - Distr"/>
    <s v="Distribution Mass Property - KY : KEP : 9099"/>
    <s v="Pole, Wood"/>
    <x v="17"/>
    <n v="1201"/>
  </r>
  <r>
    <n v="110"/>
    <s v="Kentucky Power - Distr"/>
    <s v="Distribution Mass Property - KY : KEP : 9099"/>
    <s v="Pole, Wood"/>
    <x v="17"/>
    <n v="-29"/>
  </r>
  <r>
    <n v="110"/>
    <s v="Kentucky Power - Distr"/>
    <s v="Distribution Mass Property - KY : KEP : 9099"/>
    <s v="Pole, Wood"/>
    <x v="17"/>
    <n v="-1161"/>
  </r>
  <r>
    <n v="110"/>
    <s v="Kentucky Power - Distr"/>
    <s v="Distribution Mass Property - KY : KEP : 9099"/>
    <s v="Pole, Wood"/>
    <x v="17"/>
    <n v="75"/>
  </r>
  <r>
    <n v="110"/>
    <s v="Kentucky Power - Distr"/>
    <s v="Distribution Mass Property - KY : KEP : 9099"/>
    <s v="Pole, Wood"/>
    <x v="17"/>
    <n v="-75"/>
  </r>
  <r>
    <n v="110"/>
    <s v="Kentucky Power - Distr"/>
    <s v="Distribution Mass Property - KY : KEP : 9099"/>
    <s v="Pole, Wood"/>
    <x v="18"/>
    <n v="-519"/>
  </r>
  <r>
    <n v="110"/>
    <s v="Kentucky Power - Distr"/>
    <s v="Distribution Mass Property - KY : KEP : 9099"/>
    <s v="Pole, Wood"/>
    <x v="18"/>
    <n v="-193"/>
  </r>
  <r>
    <n v="110"/>
    <s v="Kentucky Power - Distr"/>
    <s v="Distribution Mass Property - KY : KEP : 9099"/>
    <s v="Pole, Wood"/>
    <x v="18"/>
    <n v="5621"/>
  </r>
  <r>
    <n v="110"/>
    <s v="Kentucky Power - Distr"/>
    <s v="Distribution Mass Property - KY : KEP : 9099"/>
    <s v="Pole, Wood"/>
    <x v="18"/>
    <n v="-13"/>
  </r>
  <r>
    <n v="110"/>
    <s v="Kentucky Power - Distr"/>
    <s v="Distribution Mass Property - KY : KEP : 9099"/>
    <s v="Pole, Wood"/>
    <x v="18"/>
    <n v="-145"/>
  </r>
  <r>
    <n v="110"/>
    <s v="Kentucky Power - Distr"/>
    <s v="Distribution Mass Property - KY : KEP : 9099"/>
    <s v="Pole, Wood"/>
    <x v="18"/>
    <n v="0"/>
  </r>
  <r>
    <n v="110"/>
    <s v="Kentucky Power - Distr"/>
    <s v="Distribution Mass Property - KY : KEP : 9099"/>
    <s v="Pole, Wood"/>
    <x v="18"/>
    <n v="1"/>
  </r>
  <r>
    <n v="110"/>
    <s v="Kentucky Power - Distr"/>
    <s v="Distribution Mass Property - KY : KEP : 9099"/>
    <s v="Pole, Wood"/>
    <x v="18"/>
    <n v="-56"/>
  </r>
  <r>
    <n v="110"/>
    <s v="Kentucky Power - Distr"/>
    <s v="Distribution Mass Property - KY : KEP : 9099"/>
    <s v="Pole, Wood"/>
    <x v="18"/>
    <n v="-20"/>
  </r>
  <r>
    <n v="110"/>
    <s v="Kentucky Power - Distr"/>
    <s v="Distribution Mass Property - KY : KEP : 9099"/>
    <s v="Pole, Wood"/>
    <x v="18"/>
    <n v="1629"/>
  </r>
  <r>
    <n v="110"/>
    <s v="Kentucky Power - Distr"/>
    <s v="Distribution Mass Property - KY : KEP : 9099"/>
    <s v="Pole, Wood"/>
    <x v="18"/>
    <n v="-1553"/>
  </r>
  <r>
    <n v="110"/>
    <s v="Kentucky Power - Distr"/>
    <s v="Distribution Mass Property - KY : KEP : 9099"/>
    <s v="Pole, Wood"/>
    <x v="18"/>
    <n v="-101"/>
  </r>
  <r>
    <n v="110"/>
    <s v="Kentucky Power - Distr"/>
    <s v="Distribution Mass Property - KY : KEP : 9099"/>
    <s v="Pole, Wood"/>
    <x v="18"/>
    <n v="101"/>
  </r>
  <r>
    <n v="110"/>
    <s v="Kentucky Power - Distr"/>
    <s v="Distribution Mass Property - KY : KEP : 9099"/>
    <s v="Pole, Wood"/>
    <x v="19"/>
    <n v="-179"/>
  </r>
  <r>
    <n v="110"/>
    <s v="Kentucky Power - Distr"/>
    <s v="Distribution Mass Property - KY : KEP : 9099"/>
    <s v="Pole, Wood"/>
    <x v="19"/>
    <n v="0"/>
  </r>
  <r>
    <n v="110"/>
    <s v="Kentucky Power - Distr"/>
    <s v="Distribution Mass Property - KY : KEP : 9099"/>
    <s v="Pole, Wood"/>
    <x v="19"/>
    <n v="7232"/>
  </r>
  <r>
    <n v="110"/>
    <s v="Kentucky Power - Distr"/>
    <s v="Distribution Mass Property - KY : KEP : 9099"/>
    <s v="Pole, Wood"/>
    <x v="19"/>
    <n v="-173"/>
  </r>
  <r>
    <n v="110"/>
    <s v="Kentucky Power - Distr"/>
    <s v="Distribution Mass Property - KY : KEP : 9099"/>
    <s v="Pole, Wood"/>
    <x v="19"/>
    <n v="-409"/>
  </r>
  <r>
    <n v="110"/>
    <s v="Kentucky Power - Distr"/>
    <s v="Distribution Mass Property - KY : KEP : 9099"/>
    <s v="Pole, Wood"/>
    <x v="19"/>
    <n v="-645"/>
  </r>
  <r>
    <n v="110"/>
    <s v="Kentucky Power - Distr"/>
    <s v="Distribution Mass Property - KY : KEP : 9099"/>
    <s v="Pole, Wood"/>
    <x v="19"/>
    <n v="2163"/>
  </r>
  <r>
    <n v="110"/>
    <s v="Kentucky Power - Distr"/>
    <s v="Distribution Mass Property - KY : KEP : 9099"/>
    <s v="Pole, Wood"/>
    <x v="19"/>
    <n v="-1999"/>
  </r>
  <r>
    <n v="110"/>
    <s v="Kentucky Power - Distr"/>
    <s v="Distribution Mass Property - KY : KEP : 9099"/>
    <s v="Pole, Wood"/>
    <x v="19"/>
    <n v="-122"/>
  </r>
  <r>
    <n v="110"/>
    <s v="Kentucky Power - Distr"/>
    <s v="Distribution Mass Property - KY : KEP : 9099"/>
    <s v="Pole, Wood"/>
    <x v="19"/>
    <n v="-42"/>
  </r>
  <r>
    <n v="110"/>
    <s v="Kentucky Power - Distr"/>
    <s v="Distribution Mass Property - KY : KEP : 9099"/>
    <s v="Pole, Wood"/>
    <x v="19"/>
    <n v="-2"/>
  </r>
  <r>
    <n v="110"/>
    <s v="Kentucky Power - Distr"/>
    <s v="Distribution Mass Property - KY : KEP : 9099"/>
    <s v="Pole, Wood"/>
    <x v="19"/>
    <n v="-3"/>
  </r>
  <r>
    <n v="110"/>
    <s v="Kentucky Power - Distr"/>
    <s v="Distribution Mass Property - KY : KEP : 9099"/>
    <s v="Pole, Wood"/>
    <x v="19"/>
    <n v="135"/>
  </r>
  <r>
    <n v="110"/>
    <s v="Kentucky Power - Distr"/>
    <s v="Distribution Mass Property - KY : KEP : 9099"/>
    <s v="Pole, Wood"/>
    <x v="19"/>
    <n v="-130"/>
  </r>
  <r>
    <n v="110"/>
    <s v="Kentucky Power - Distr"/>
    <s v="Distribution Mass Property - KY : KEP : 9099"/>
    <s v="Pole, Wood"/>
    <x v="20"/>
    <n v="-151"/>
  </r>
  <r>
    <n v="110"/>
    <s v="Kentucky Power - Distr"/>
    <s v="Distribution Mass Property - KY : KEP : 9099"/>
    <s v="Pole, Wood"/>
    <x v="20"/>
    <n v="-8"/>
  </r>
  <r>
    <n v="110"/>
    <s v="Kentucky Power - Distr"/>
    <s v="Distribution Mass Property - KY : KEP : 9099"/>
    <s v="Pole, Wood"/>
    <x v="20"/>
    <n v="-173"/>
  </r>
  <r>
    <n v="110"/>
    <s v="Kentucky Power - Distr"/>
    <s v="Distribution Mass Property - KY : KEP : 9099"/>
    <s v="Pole, Wood"/>
    <x v="20"/>
    <n v="-552"/>
  </r>
  <r>
    <n v="110"/>
    <s v="Kentucky Power - Distr"/>
    <s v="Distribution Mass Property - KY : KEP : 9099"/>
    <s v="Pole, Wood"/>
    <x v="20"/>
    <n v="6259"/>
  </r>
  <r>
    <n v="110"/>
    <s v="Kentucky Power - Distr"/>
    <s v="Distribution Mass Property - KY : KEP : 9099"/>
    <s v="Pole, Wood"/>
    <x v="20"/>
    <n v="0"/>
  </r>
  <r>
    <n v="110"/>
    <s v="Kentucky Power - Distr"/>
    <s v="Distribution Mass Property - KY : KEP : 9099"/>
    <s v="Pole, Wood"/>
    <x v="20"/>
    <n v="-7"/>
  </r>
  <r>
    <n v="110"/>
    <s v="Kentucky Power - Distr"/>
    <s v="Distribution Mass Property - KY : KEP : 9099"/>
    <s v="Pole, Wood"/>
    <x v="20"/>
    <n v="1818"/>
  </r>
  <r>
    <n v="110"/>
    <s v="Kentucky Power - Distr"/>
    <s v="Distribution Mass Property - KY : KEP : 9099"/>
    <s v="Pole, Wood"/>
    <x v="20"/>
    <n v="-1728"/>
  </r>
  <r>
    <n v="110"/>
    <s v="Kentucky Power - Distr"/>
    <s v="Distribution Mass Property - KY : KEP : 9099"/>
    <s v="Pole, Wood"/>
    <x v="20"/>
    <n v="-83"/>
  </r>
  <r>
    <n v="110"/>
    <s v="Kentucky Power - Distr"/>
    <s v="Distribution Mass Property - KY : KEP : 9099"/>
    <s v="Pole, Wood"/>
    <x v="20"/>
    <n v="113"/>
  </r>
  <r>
    <n v="110"/>
    <s v="Kentucky Power - Distr"/>
    <s v="Distribution Mass Property - KY : KEP : 9099"/>
    <s v="Pole, Wood"/>
    <x v="20"/>
    <n v="-112"/>
  </r>
  <r>
    <n v="110"/>
    <s v="Kentucky Power - Distr"/>
    <s v="Distribution Mass Property - KY : KEP : 9099"/>
    <s v="Pole, Wood"/>
    <x v="20"/>
    <n v="-1"/>
  </r>
  <r>
    <n v="110"/>
    <s v="Kentucky Power - Distr"/>
    <s v="Distribution Mass Property - KY : KEP : 9099"/>
    <s v="Pole, Wood"/>
    <x v="21"/>
    <n v="-499"/>
  </r>
  <r>
    <n v="110"/>
    <s v="Kentucky Power - Distr"/>
    <s v="Distribution Mass Property - KY : KEP : 9099"/>
    <s v="Pole, Wood"/>
    <x v="21"/>
    <n v="6482"/>
  </r>
  <r>
    <n v="110"/>
    <s v="Kentucky Power - Distr"/>
    <s v="Distribution Mass Property - KY : KEP : 9099"/>
    <s v="Pole, Wood"/>
    <x v="21"/>
    <n v="0"/>
  </r>
  <r>
    <n v="110"/>
    <s v="Kentucky Power - Distr"/>
    <s v="Distribution Mass Property - KY : KEP : 9099"/>
    <s v="Pole, Wood"/>
    <x v="21"/>
    <n v="-1038"/>
  </r>
  <r>
    <n v="110"/>
    <s v="Kentucky Power - Distr"/>
    <s v="Distribution Mass Property - KY : KEP : 9099"/>
    <s v="Pole, Wood"/>
    <x v="21"/>
    <n v="-151"/>
  </r>
  <r>
    <n v="110"/>
    <s v="Kentucky Power - Distr"/>
    <s v="Distribution Mass Property - KY : KEP : 9099"/>
    <s v="Pole, Wood"/>
    <x v="21"/>
    <n v="-91"/>
  </r>
  <r>
    <n v="110"/>
    <s v="Kentucky Power - Distr"/>
    <s v="Distribution Mass Property - KY : KEP : 9099"/>
    <s v="Pole, Wood"/>
    <x v="21"/>
    <n v="-1817"/>
  </r>
  <r>
    <n v="110"/>
    <s v="Kentucky Power - Distr"/>
    <s v="Distribution Mass Property - KY : KEP : 9099"/>
    <s v="Pole, Wood"/>
    <x v="21"/>
    <n v="1828"/>
  </r>
  <r>
    <n v="110"/>
    <s v="Kentucky Power - Distr"/>
    <s v="Distribution Mass Property - KY : KEP : 9099"/>
    <s v="Pole, Wood"/>
    <x v="21"/>
    <n v="-3"/>
  </r>
  <r>
    <n v="110"/>
    <s v="Kentucky Power - Distr"/>
    <s v="Distribution Mass Property - KY : KEP : 9099"/>
    <s v="Pole, Wood"/>
    <x v="21"/>
    <n v="-8"/>
  </r>
  <r>
    <n v="110"/>
    <s v="Kentucky Power - Distr"/>
    <s v="Distribution Mass Property - KY : KEP : 9099"/>
    <s v="Pole, Wood"/>
    <x v="21"/>
    <n v="-114"/>
  </r>
  <r>
    <n v="110"/>
    <s v="Kentucky Power - Distr"/>
    <s v="Distribution Mass Property - KY : KEP : 9099"/>
    <s v="Pole, Wood"/>
    <x v="21"/>
    <n v="114"/>
  </r>
  <r>
    <n v="110"/>
    <s v="Kentucky Power - Distr"/>
    <s v="Distribution Mass Property - KY : KEP : 9099"/>
    <s v="Pole, Wood"/>
    <x v="22"/>
    <n v="0"/>
  </r>
  <r>
    <n v="110"/>
    <s v="Kentucky Power - Distr"/>
    <s v="Distribution Mass Property - KY : KEP : 9099"/>
    <s v="Pole, Wood"/>
    <x v="22"/>
    <n v="-8"/>
  </r>
  <r>
    <n v="110"/>
    <s v="Kentucky Power - Distr"/>
    <s v="Distribution Mass Property - KY : KEP : 9099"/>
    <s v="Pole, Wood"/>
    <x v="22"/>
    <n v="-561"/>
  </r>
  <r>
    <n v="110"/>
    <s v="Kentucky Power - Distr"/>
    <s v="Distribution Mass Property - KY : KEP : 9099"/>
    <s v="Pole, Wood"/>
    <x v="22"/>
    <n v="-131"/>
  </r>
  <r>
    <n v="110"/>
    <s v="Kentucky Power - Distr"/>
    <s v="Distribution Mass Property - KY : KEP : 9099"/>
    <s v="Pole, Wood"/>
    <x v="22"/>
    <n v="-151"/>
  </r>
  <r>
    <n v="110"/>
    <s v="Kentucky Power - Distr"/>
    <s v="Distribution Mass Property - KY : KEP : 9099"/>
    <s v="Pole, Wood"/>
    <x v="22"/>
    <n v="6519"/>
  </r>
  <r>
    <n v="110"/>
    <s v="Kentucky Power - Distr"/>
    <s v="Distribution Mass Property - KY : KEP : 9099"/>
    <s v="Pole, Wood"/>
    <x v="22"/>
    <n v="1857"/>
  </r>
  <r>
    <n v="110"/>
    <s v="Kentucky Power - Distr"/>
    <s v="Distribution Mass Property - KY : KEP : 9099"/>
    <s v="Pole, Wood"/>
    <x v="22"/>
    <n v="-13"/>
  </r>
  <r>
    <n v="110"/>
    <s v="Kentucky Power - Distr"/>
    <s v="Distribution Mass Property - KY : KEP : 9099"/>
    <s v="Pole, Wood"/>
    <x v="22"/>
    <n v="-1816"/>
  </r>
  <r>
    <n v="110"/>
    <s v="Kentucky Power - Distr"/>
    <s v="Distribution Mass Property - KY : KEP : 9099"/>
    <s v="Pole, Wood"/>
    <x v="22"/>
    <n v="-28"/>
  </r>
  <r>
    <n v="110"/>
    <s v="Kentucky Power - Distr"/>
    <s v="Distribution Mass Property - KY : KEP : 9099"/>
    <s v="Pole, Wood"/>
    <x v="22"/>
    <n v="116"/>
  </r>
  <r>
    <n v="110"/>
    <s v="Kentucky Power - Distr"/>
    <s v="Distribution Mass Property - KY : KEP : 9099"/>
    <s v="Pole, Wood"/>
    <x v="22"/>
    <n v="-116"/>
  </r>
  <r>
    <n v="110"/>
    <s v="Kentucky Power - Distr"/>
    <s v="Distribution Mass Property - KY : KEP : 9099"/>
    <s v="Pole, Wood"/>
    <x v="23"/>
    <n v="7762"/>
  </r>
  <r>
    <n v="110"/>
    <s v="Kentucky Power - Distr"/>
    <s v="Distribution Mass Property - KY : KEP : 9099"/>
    <s v="Pole, Wood"/>
    <x v="23"/>
    <n v="-174"/>
  </r>
  <r>
    <n v="110"/>
    <s v="Kentucky Power - Distr"/>
    <s v="Distribution Mass Property - KY : KEP : 9099"/>
    <s v="Pole, Wood"/>
    <x v="23"/>
    <n v="-113"/>
  </r>
  <r>
    <n v="110"/>
    <s v="Kentucky Power - Distr"/>
    <s v="Distribution Mass Property - KY : KEP : 9099"/>
    <s v="Pole, Wood"/>
    <x v="23"/>
    <n v="0"/>
  </r>
  <r>
    <n v="110"/>
    <s v="Kentucky Power - Distr"/>
    <s v="Distribution Mass Property - KY : KEP : 9099"/>
    <s v="Pole, Wood"/>
    <x v="23"/>
    <n v="-653"/>
  </r>
  <r>
    <n v="110"/>
    <s v="Kentucky Power - Distr"/>
    <s v="Distribution Mass Property - KY : KEP : 9099"/>
    <s v="Pole, Wood"/>
    <x v="23"/>
    <n v="-110"/>
  </r>
  <r>
    <n v="110"/>
    <s v="Kentucky Power - Distr"/>
    <s v="Distribution Mass Property - KY : KEP : 9099"/>
    <s v="Pole, Wood"/>
    <x v="23"/>
    <n v="-3"/>
  </r>
  <r>
    <n v="110"/>
    <s v="Kentucky Power - Distr"/>
    <s v="Distribution Mass Property - KY : KEP : 9099"/>
    <s v="Pole, Wood"/>
    <x v="23"/>
    <n v="-19"/>
  </r>
  <r>
    <n v="110"/>
    <s v="Kentucky Power - Distr"/>
    <s v="Distribution Mass Property - KY : KEP : 9099"/>
    <s v="Pole, Wood"/>
    <x v="23"/>
    <n v="-2174"/>
  </r>
  <r>
    <n v="110"/>
    <s v="Kentucky Power - Distr"/>
    <s v="Distribution Mass Property - KY : KEP : 9099"/>
    <s v="Pole, Wood"/>
    <x v="23"/>
    <n v="2196"/>
  </r>
  <r>
    <n v="110"/>
    <s v="Kentucky Power - Distr"/>
    <s v="Distribution Mass Property - KY : KEP : 9099"/>
    <s v="Pole, Wood"/>
    <x v="23"/>
    <n v="137"/>
  </r>
  <r>
    <n v="110"/>
    <s v="Kentucky Power - Distr"/>
    <s v="Distribution Mass Property - KY : KEP : 9099"/>
    <s v="Pole, Wood"/>
    <x v="23"/>
    <n v="-137"/>
  </r>
  <r>
    <n v="110"/>
    <s v="Kentucky Power - Distr"/>
    <s v="Distribution Mass Property - KY : KEP : 9099"/>
    <s v="Pole, Wood"/>
    <x v="24"/>
    <n v="7935"/>
  </r>
  <r>
    <n v="110"/>
    <s v="Kentucky Power - Distr"/>
    <s v="Distribution Mass Property - KY : KEP : 9099"/>
    <s v="Pole, Wood"/>
    <x v="24"/>
    <n v="-108"/>
  </r>
  <r>
    <n v="110"/>
    <s v="Kentucky Power - Distr"/>
    <s v="Distribution Mass Property - KY : KEP : 9099"/>
    <s v="Pole, Wood"/>
    <x v="24"/>
    <n v="-174"/>
  </r>
  <r>
    <n v="110"/>
    <s v="Kentucky Power - Distr"/>
    <s v="Distribution Mass Property - KY : KEP : 9099"/>
    <s v="Pole, Wood"/>
    <x v="24"/>
    <n v="-659"/>
  </r>
  <r>
    <n v="110"/>
    <s v="Kentucky Power - Distr"/>
    <s v="Distribution Mass Property - KY : KEP : 9099"/>
    <s v="Pole, Wood"/>
    <x v="24"/>
    <n v="-231"/>
  </r>
  <r>
    <n v="110"/>
    <s v="Kentucky Power - Distr"/>
    <s v="Distribution Mass Property - KY : KEP : 9099"/>
    <s v="Pole, Wood"/>
    <x v="24"/>
    <n v="0"/>
  </r>
  <r>
    <n v="110"/>
    <s v="Kentucky Power - Distr"/>
    <s v="Distribution Mass Property - KY : KEP : 9099"/>
    <s v="Pole, Wood"/>
    <x v="24"/>
    <n v="-2164"/>
  </r>
  <r>
    <n v="110"/>
    <s v="Kentucky Power - Distr"/>
    <s v="Distribution Mass Property - KY : KEP : 9099"/>
    <s v="Pole, Wood"/>
    <x v="24"/>
    <n v="-113"/>
  </r>
  <r>
    <n v="110"/>
    <s v="Kentucky Power - Distr"/>
    <s v="Distribution Mass Property - KY : KEP : 9099"/>
    <s v="Pole, Wood"/>
    <x v="24"/>
    <n v="-197"/>
  </r>
  <r>
    <n v="110"/>
    <s v="Kentucky Power - Distr"/>
    <s v="Distribution Mass Property - KY : KEP : 9099"/>
    <s v="Pole, Wood"/>
    <x v="24"/>
    <n v="2474"/>
  </r>
  <r>
    <n v="110"/>
    <s v="Kentucky Power - Distr"/>
    <s v="Distribution Mass Property - KY : KEP : 9099"/>
    <s v="Pole, Wood"/>
    <x v="24"/>
    <n v="-145"/>
  </r>
  <r>
    <n v="110"/>
    <s v="Kentucky Power - Distr"/>
    <s v="Distribution Mass Property - KY : KEP : 9099"/>
    <s v="Pole, Wood"/>
    <x v="24"/>
    <n v="-2"/>
  </r>
  <r>
    <n v="110"/>
    <s v="Kentucky Power - Distr"/>
    <s v="Distribution Mass Property - KY : KEP : 9099"/>
    <s v="Pole, Wood"/>
    <x v="24"/>
    <n v="-7"/>
  </r>
  <r>
    <n v="110"/>
    <s v="Kentucky Power - Distr"/>
    <s v="Distribution Mass Property - KY : KEP : 9099"/>
    <s v="Pole, Wood"/>
    <x v="24"/>
    <n v="154"/>
  </r>
  <r>
    <n v="110"/>
    <s v="Kentucky Power - Distr"/>
    <s v="Distribution Mass Property - KY : KEP : 9099"/>
    <s v="Pole, Wood"/>
    <x v="25"/>
    <n v="-79"/>
  </r>
  <r>
    <n v="110"/>
    <s v="Kentucky Power - Distr"/>
    <s v="Distribution Mass Property - KY : KEP : 9099"/>
    <s v="Pole, Wood"/>
    <x v="25"/>
    <n v="-8"/>
  </r>
  <r>
    <n v="110"/>
    <s v="Kentucky Power - Distr"/>
    <s v="Distribution Mass Property - KY : KEP : 9099"/>
    <s v="Pole, Wood"/>
    <x v="25"/>
    <n v="0"/>
  </r>
  <r>
    <n v="110"/>
    <s v="Kentucky Power - Distr"/>
    <s v="Distribution Mass Property - KY : KEP : 9099"/>
    <s v="Pole, Wood"/>
    <x v="25"/>
    <n v="-565"/>
  </r>
  <r>
    <n v="110"/>
    <s v="Kentucky Power - Distr"/>
    <s v="Distribution Mass Property - KY : KEP : 9099"/>
    <s v="Pole, Wood"/>
    <x v="25"/>
    <n v="-143"/>
  </r>
  <r>
    <n v="110"/>
    <s v="Kentucky Power - Distr"/>
    <s v="Distribution Mass Property - KY : KEP : 9099"/>
    <s v="Pole, Wood"/>
    <x v="25"/>
    <n v="6719"/>
  </r>
  <r>
    <n v="110"/>
    <s v="Kentucky Power - Distr"/>
    <s v="Distribution Mass Property - KY : KEP : 9099"/>
    <s v="Pole, Wood"/>
    <x v="25"/>
    <n v="2510"/>
  </r>
  <r>
    <n v="110"/>
    <s v="Kentucky Power - Distr"/>
    <s v="Distribution Mass Property - KY : KEP : 9099"/>
    <s v="Pole, Wood"/>
    <x v="25"/>
    <n v="-183"/>
  </r>
  <r>
    <n v="110"/>
    <s v="Kentucky Power - Distr"/>
    <s v="Distribution Mass Property - KY : KEP : 9099"/>
    <s v="Pole, Wood"/>
    <x v="25"/>
    <n v="-566"/>
  </r>
  <r>
    <n v="110"/>
    <s v="Kentucky Power - Distr"/>
    <s v="Distribution Mass Property - KY : KEP : 9099"/>
    <s v="Pole, Wood"/>
    <x v="25"/>
    <n v="-1761"/>
  </r>
  <r>
    <n v="110"/>
    <s v="Kentucky Power - Distr"/>
    <s v="Distribution Mass Property - KY : KEP : 9099"/>
    <s v="Pole, Wood"/>
    <x v="25"/>
    <n v="156"/>
  </r>
  <r>
    <n v="110"/>
    <s v="Kentucky Power - Distr"/>
    <s v="Distribution Mass Property - KY : KEP : 9099"/>
    <s v="Pole, Wood"/>
    <x v="25"/>
    <n v="-21"/>
  </r>
  <r>
    <n v="110"/>
    <s v="Kentucky Power - Distr"/>
    <s v="Distribution Mass Property - KY : KEP : 9099"/>
    <s v="Pole, Wood"/>
    <x v="25"/>
    <n v="-132"/>
  </r>
  <r>
    <n v="110"/>
    <s v="Kentucky Power - Distr"/>
    <s v="Distribution Mass Property - KY : KEP : 9099"/>
    <s v="Pole, Wood"/>
    <x v="25"/>
    <n v="-3"/>
  </r>
  <r>
    <n v="110"/>
    <s v="Kentucky Power - Distr"/>
    <s v="Distribution Mass Property - KY : KEP : 9099"/>
    <s v="Pole, Wood"/>
    <x v="26"/>
    <n v="-123"/>
  </r>
  <r>
    <n v="110"/>
    <s v="Kentucky Power - Distr"/>
    <s v="Distribution Mass Property - KY : KEP : 9099"/>
    <s v="Pole, Wood"/>
    <x v="26"/>
    <n v="-494"/>
  </r>
  <r>
    <n v="110"/>
    <s v="Kentucky Power - Distr"/>
    <s v="Distribution Mass Property - KY : KEP : 9099"/>
    <s v="Pole, Wood"/>
    <x v="26"/>
    <n v="-8"/>
  </r>
  <r>
    <n v="110"/>
    <s v="Kentucky Power - Distr"/>
    <s v="Distribution Mass Property - KY : KEP : 9099"/>
    <s v="Pole, Wood"/>
    <x v="26"/>
    <n v="0"/>
  </r>
  <r>
    <n v="110"/>
    <s v="Kentucky Power - Distr"/>
    <s v="Distribution Mass Property - KY : KEP : 9099"/>
    <s v="Pole, Wood"/>
    <x v="26"/>
    <n v="-914"/>
  </r>
  <r>
    <n v="110"/>
    <s v="Kentucky Power - Distr"/>
    <s v="Distribution Mass Property - KY : KEP : 9099"/>
    <s v="Pole, Wood"/>
    <x v="26"/>
    <n v="6757"/>
  </r>
  <r>
    <n v="110"/>
    <s v="Kentucky Power - Distr"/>
    <s v="Distribution Mass Property - KY : KEP : 9099"/>
    <s v="Pole, Wood"/>
    <x v="26"/>
    <n v="-1808"/>
  </r>
  <r>
    <n v="110"/>
    <s v="Kentucky Power - Distr"/>
    <s v="Distribution Mass Property - KY : KEP : 9099"/>
    <s v="Pole, Wood"/>
    <x v="26"/>
    <n v="-501"/>
  </r>
  <r>
    <n v="110"/>
    <s v="Kentucky Power - Distr"/>
    <s v="Distribution Mass Property - KY : KEP : 9099"/>
    <s v="Pole, Wood"/>
    <x v="26"/>
    <n v="-3"/>
  </r>
  <r>
    <n v="110"/>
    <s v="Kentucky Power - Distr"/>
    <s v="Distribution Mass Property - KY : KEP : 9099"/>
    <s v="Pole, Wood"/>
    <x v="26"/>
    <n v="2312"/>
  </r>
  <r>
    <n v="110"/>
    <s v="Kentucky Power - Distr"/>
    <s v="Distribution Mass Property - KY : KEP : 9099"/>
    <s v="Pole, Wood"/>
    <x v="26"/>
    <n v="-136"/>
  </r>
  <r>
    <n v="110"/>
    <s v="Kentucky Power - Distr"/>
    <s v="Distribution Mass Property - KY : KEP : 9099"/>
    <s v="Pole, Wood"/>
    <x v="26"/>
    <n v="144"/>
  </r>
  <r>
    <n v="110"/>
    <s v="Kentucky Power - Distr"/>
    <s v="Distribution Mass Property - KY : KEP : 9099"/>
    <s v="Pole, Wood"/>
    <x v="26"/>
    <n v="-8"/>
  </r>
  <r>
    <n v="110"/>
    <s v="Kentucky Power - Distr"/>
    <s v="Distribution Mass Property - KY : KEP : 9099"/>
    <s v="Pole, Wood"/>
    <x v="27"/>
    <n v="9085"/>
  </r>
  <r>
    <n v="110"/>
    <s v="Kentucky Power - Distr"/>
    <s v="Distribution Mass Property - KY : KEP : 9099"/>
    <s v="Pole, Wood"/>
    <x v="27"/>
    <n v="-185"/>
  </r>
  <r>
    <n v="110"/>
    <s v="Kentucky Power - Distr"/>
    <s v="Distribution Mass Property - KY : KEP : 9099"/>
    <s v="Pole, Wood"/>
    <x v="27"/>
    <n v="-1"/>
  </r>
  <r>
    <n v="110"/>
    <s v="Kentucky Power - Distr"/>
    <s v="Distribution Mass Property - KY : KEP : 9099"/>
    <s v="Pole, Wood"/>
    <x v="27"/>
    <n v="-6699"/>
  </r>
  <r>
    <n v="110"/>
    <s v="Kentucky Power - Distr"/>
    <s v="Distribution Mass Property - KY : KEP : 9099"/>
    <s v="Pole, Wood"/>
    <x v="27"/>
    <n v="0"/>
  </r>
  <r>
    <n v="110"/>
    <s v="Kentucky Power - Distr"/>
    <s v="Distribution Mass Property - KY : KEP : 9099"/>
    <s v="Pole, Wood"/>
    <x v="27"/>
    <n v="-152"/>
  </r>
  <r>
    <n v="110"/>
    <s v="Kentucky Power - Distr"/>
    <s v="Distribution Mass Property - KY : KEP : 9099"/>
    <s v="Pole, Wood"/>
    <x v="27"/>
    <n v="2573"/>
  </r>
  <r>
    <n v="110"/>
    <s v="Kentucky Power - Distr"/>
    <s v="Distribution Mass Property - KY : KEP : 9099"/>
    <s v="Pole, Wood"/>
    <x v="27"/>
    <n v="-25"/>
  </r>
  <r>
    <n v="110"/>
    <s v="Kentucky Power - Distr"/>
    <s v="Distribution Mass Property - KY : KEP : 9099"/>
    <s v="Pole, Wood"/>
    <x v="27"/>
    <n v="-13"/>
  </r>
  <r>
    <n v="110"/>
    <s v="Kentucky Power - Distr"/>
    <s v="Distribution Mass Property - KY : KEP : 9099"/>
    <s v="Pole, Wood"/>
    <x v="27"/>
    <n v="-2535"/>
  </r>
  <r>
    <n v="110"/>
    <s v="Kentucky Power - Distr"/>
    <s v="Distribution Mass Property - KY : KEP : 9099"/>
    <s v="Pole, Wood"/>
    <x v="27"/>
    <n v="-160"/>
  </r>
  <r>
    <n v="110"/>
    <s v="Kentucky Power - Distr"/>
    <s v="Distribution Mass Property - KY : KEP : 9099"/>
    <s v="Pole, Wood"/>
    <x v="27"/>
    <n v="160"/>
  </r>
  <r>
    <n v="110"/>
    <s v="Kentucky Power - Distr"/>
    <s v="Distribution Mass Property - KY : KEP : 9099"/>
    <s v="Pole, Wood"/>
    <x v="28"/>
    <n v="1"/>
  </r>
  <r>
    <n v="110"/>
    <s v="Kentucky Power - Distr"/>
    <s v="Distribution Mass Property - KY : KEP : 9099"/>
    <s v="Pole, Wood"/>
    <x v="28"/>
    <n v="10050"/>
  </r>
  <r>
    <n v="110"/>
    <s v="Kentucky Power - Distr"/>
    <s v="Distribution Mass Property - KY : KEP : 9099"/>
    <s v="Pole, Wood"/>
    <x v="28"/>
    <n v="-13"/>
  </r>
  <r>
    <n v="110"/>
    <s v="Kentucky Power - Distr"/>
    <s v="Distribution Mass Property - KY : KEP : 9099"/>
    <s v="Pole, Wood"/>
    <x v="28"/>
    <n v="-197"/>
  </r>
  <r>
    <n v="110"/>
    <s v="Kentucky Power - Distr"/>
    <s v="Distribution Mass Property - KY : KEP : 9099"/>
    <s v="Pole, Wood"/>
    <x v="28"/>
    <n v="0"/>
  </r>
  <r>
    <n v="110"/>
    <s v="Kentucky Power - Distr"/>
    <s v="Distribution Mass Property - KY : KEP : 9099"/>
    <s v="Pole, Wood"/>
    <x v="28"/>
    <n v="-2891"/>
  </r>
  <r>
    <n v="110"/>
    <s v="Kentucky Power - Distr"/>
    <s v="Distribution Mass Property - KY : KEP : 9099"/>
    <s v="Pole, Wood"/>
    <x v="28"/>
    <n v="-575"/>
  </r>
  <r>
    <n v="110"/>
    <s v="Kentucky Power - Distr"/>
    <s v="Distribution Mass Property - KY : KEP : 9099"/>
    <s v="Pole, Wood"/>
    <x v="28"/>
    <n v="2832"/>
  </r>
  <r>
    <n v="110"/>
    <s v="Kentucky Power - Distr"/>
    <s v="Distribution Mass Property - KY : KEP : 9099"/>
    <s v="Pole, Wood"/>
    <x v="28"/>
    <n v="-3"/>
  </r>
  <r>
    <n v="110"/>
    <s v="Kentucky Power - Distr"/>
    <s v="Distribution Mass Property - KY : KEP : 9099"/>
    <s v="Pole, Wood"/>
    <x v="28"/>
    <n v="-2808"/>
  </r>
  <r>
    <n v="110"/>
    <s v="Kentucky Power - Distr"/>
    <s v="Distribution Mass Property - KY : KEP : 9099"/>
    <s v="Pole, Wood"/>
    <x v="28"/>
    <n v="-21"/>
  </r>
  <r>
    <n v="110"/>
    <s v="Kentucky Power - Distr"/>
    <s v="Distribution Mass Property - KY : KEP : 9099"/>
    <s v="Pole, Wood"/>
    <x v="28"/>
    <n v="176"/>
  </r>
  <r>
    <n v="110"/>
    <s v="Kentucky Power - Distr"/>
    <s v="Distribution Mass Property - KY : KEP : 9099"/>
    <s v="Pole, Wood"/>
    <x v="28"/>
    <n v="-176"/>
  </r>
  <r>
    <n v="110"/>
    <s v="Kentucky Power - Distr"/>
    <s v="Distribution Mass Property - KY : KEP : 9099"/>
    <s v="Pole, Wood"/>
    <x v="29"/>
    <n v="-201"/>
  </r>
  <r>
    <n v="110"/>
    <s v="Kentucky Power - Distr"/>
    <s v="Distribution Mass Property - KY : KEP : 9099"/>
    <s v="Pole, Wood"/>
    <x v="29"/>
    <n v="0"/>
  </r>
  <r>
    <n v="110"/>
    <s v="Kentucky Power - Distr"/>
    <s v="Distribution Mass Property - KY : KEP : 9099"/>
    <s v="Pole, Wood"/>
    <x v="29"/>
    <n v="-3"/>
  </r>
  <r>
    <n v="110"/>
    <s v="Kentucky Power - Distr"/>
    <s v="Distribution Mass Property - KY : KEP : 9099"/>
    <s v="Pole, Wood"/>
    <x v="29"/>
    <n v="0"/>
  </r>
  <r>
    <n v="110"/>
    <s v="Kentucky Power - Distr"/>
    <s v="Distribution Mass Property - KY : KEP : 9099"/>
    <s v="Pole, Wood"/>
    <x v="29"/>
    <n v="-266"/>
  </r>
  <r>
    <n v="110"/>
    <s v="Kentucky Power - Distr"/>
    <s v="Distribution Mass Property - KY : KEP : 9099"/>
    <s v="Pole, Wood"/>
    <x v="29"/>
    <n v="-1460"/>
  </r>
  <r>
    <n v="110"/>
    <s v="Kentucky Power - Distr"/>
    <s v="Distribution Mass Property - KY : KEP : 9099"/>
    <s v="Pole, Wood"/>
    <x v="29"/>
    <n v="-682"/>
  </r>
  <r>
    <n v="110"/>
    <s v="Kentucky Power - Distr"/>
    <s v="Distribution Mass Property - KY : KEP : 9099"/>
    <s v="Pole, Wood"/>
    <x v="29"/>
    <n v="10629"/>
  </r>
  <r>
    <n v="110"/>
    <s v="Kentucky Power - Distr"/>
    <s v="Distribution Mass Property - KY : KEP : 9099"/>
    <s v="Pole, Wood"/>
    <x v="29"/>
    <n v="-2967"/>
  </r>
  <r>
    <n v="110"/>
    <s v="Kentucky Power - Distr"/>
    <s v="Distribution Mass Property - KY : KEP : 9099"/>
    <s v="Pole, Wood"/>
    <x v="29"/>
    <n v="3007"/>
  </r>
  <r>
    <n v="110"/>
    <s v="Kentucky Power - Distr"/>
    <s v="Distribution Mass Property - KY : KEP : 9099"/>
    <s v="Pole, Wood"/>
    <x v="29"/>
    <n v="-20"/>
  </r>
  <r>
    <n v="110"/>
    <s v="Kentucky Power - Distr"/>
    <s v="Distribution Mass Property - KY : KEP : 9099"/>
    <s v="Pole, Wood"/>
    <x v="29"/>
    <n v="-20"/>
  </r>
  <r>
    <n v="110"/>
    <s v="Kentucky Power - Distr"/>
    <s v="Distribution Mass Property - KY : KEP : 9099"/>
    <s v="Pole, Wood"/>
    <x v="29"/>
    <n v="-186"/>
  </r>
  <r>
    <n v="110"/>
    <s v="Kentucky Power - Distr"/>
    <s v="Distribution Mass Property - KY : KEP : 9099"/>
    <s v="Pole, Wood"/>
    <x v="29"/>
    <n v="187"/>
  </r>
  <r>
    <n v="110"/>
    <s v="Kentucky Power - Distr"/>
    <s v="Distribution Mass Property - KY : KEP : 9099"/>
    <s v="Pole, Wood"/>
    <x v="29"/>
    <n v="-1"/>
  </r>
  <r>
    <n v="110"/>
    <s v="Kentucky Power - Distr"/>
    <s v="Distribution Mass Property - KY : KEP : 9099"/>
    <s v="Pole, Wood"/>
    <x v="30"/>
    <n v="0"/>
  </r>
  <r>
    <n v="110"/>
    <s v="Kentucky Power - Distr"/>
    <s v="Distribution Mass Property - KY : KEP : 9099"/>
    <s v="Pole, Wood"/>
    <x v="30"/>
    <n v="0"/>
  </r>
  <r>
    <n v="110"/>
    <s v="Kentucky Power - Distr"/>
    <s v="Distribution Mass Property - KY : KEP : 9099"/>
    <s v="Pole, Wood"/>
    <x v="30"/>
    <n v="10573"/>
  </r>
  <r>
    <n v="110"/>
    <s v="Kentucky Power - Distr"/>
    <s v="Distribution Mass Property - KY : KEP : 9099"/>
    <s v="Pole, Wood"/>
    <x v="30"/>
    <n v="-142"/>
  </r>
  <r>
    <n v="110"/>
    <s v="Kentucky Power - Distr"/>
    <s v="Distribution Mass Property - KY : KEP : 9099"/>
    <s v="Pole, Wood"/>
    <x v="30"/>
    <n v="-194"/>
  </r>
  <r>
    <n v="110"/>
    <s v="Kentucky Power - Distr"/>
    <s v="Distribution Mass Property - KY : KEP : 9099"/>
    <s v="Pole, Wood"/>
    <x v="30"/>
    <n v="-900"/>
  </r>
  <r>
    <n v="110"/>
    <s v="Kentucky Power - Distr"/>
    <s v="Distribution Mass Property - KY : KEP : 9099"/>
    <s v="Pole, Wood"/>
    <x v="30"/>
    <n v="-714"/>
  </r>
  <r>
    <n v="110"/>
    <s v="Kentucky Power - Distr"/>
    <s v="Distribution Mass Property - KY : KEP : 9099"/>
    <s v="Pole, Wood"/>
    <x v="30"/>
    <n v="-29"/>
  </r>
  <r>
    <n v="110"/>
    <s v="Kentucky Power - Distr"/>
    <s v="Distribution Mass Property - KY : KEP : 9099"/>
    <s v="Pole, Wood"/>
    <x v="30"/>
    <n v="-2930"/>
  </r>
  <r>
    <n v="110"/>
    <s v="Kentucky Power - Distr"/>
    <s v="Distribution Mass Property - KY : KEP : 9099"/>
    <s v="Pole, Wood"/>
    <x v="30"/>
    <n v="-117"/>
  </r>
  <r>
    <n v="110"/>
    <s v="Kentucky Power - Distr"/>
    <s v="Distribution Mass Property - KY : KEP : 9099"/>
    <s v="Pole, Wood"/>
    <x v="30"/>
    <n v="3076"/>
  </r>
  <r>
    <n v="110"/>
    <s v="Kentucky Power - Distr"/>
    <s v="Distribution Mass Property - KY : KEP : 9099"/>
    <s v="Pole, Wood"/>
    <x v="30"/>
    <n v="-1"/>
  </r>
  <r>
    <n v="110"/>
    <s v="Kentucky Power - Distr"/>
    <s v="Distribution Mass Property - KY : KEP : 9099"/>
    <s v="Pole, Wood"/>
    <x v="30"/>
    <n v="191"/>
  </r>
  <r>
    <n v="110"/>
    <s v="Kentucky Power - Distr"/>
    <s v="Distribution Mass Property - KY : KEP : 9099"/>
    <s v="Pole, Wood"/>
    <x v="30"/>
    <n v="-3"/>
  </r>
  <r>
    <n v="110"/>
    <s v="Kentucky Power - Distr"/>
    <s v="Distribution Mass Property - KY : KEP : 9099"/>
    <s v="Pole, Wood"/>
    <x v="30"/>
    <n v="-187"/>
  </r>
  <r>
    <n v="110"/>
    <s v="Kentucky Power - Distr"/>
    <s v="Distribution Mass Property - KY : KEP : 9099"/>
    <s v="Pole, Wood"/>
    <x v="31"/>
    <n v="-351"/>
  </r>
  <r>
    <n v="110"/>
    <s v="Kentucky Power - Distr"/>
    <s v="Distribution Mass Property - KY : KEP : 9099"/>
    <s v="Pole, Wood"/>
    <x v="31"/>
    <n v="-633"/>
  </r>
  <r>
    <n v="110"/>
    <s v="Kentucky Power - Distr"/>
    <s v="Distribution Mass Property - KY : KEP : 9099"/>
    <s v="Pole, Wood"/>
    <x v="31"/>
    <n v="0"/>
  </r>
  <r>
    <n v="110"/>
    <s v="Kentucky Power - Distr"/>
    <s v="Distribution Mass Property - KY : KEP : 9099"/>
    <s v="Pole, Wood"/>
    <x v="31"/>
    <n v="9165"/>
  </r>
  <r>
    <n v="110"/>
    <s v="Kentucky Power - Distr"/>
    <s v="Distribution Mass Property - KY : KEP : 9099"/>
    <s v="Pole, Wood"/>
    <x v="31"/>
    <n v="-27"/>
  </r>
  <r>
    <n v="110"/>
    <s v="Kentucky Power - Distr"/>
    <s v="Distribution Mass Property - KY : KEP : 9099"/>
    <s v="Pole, Wood"/>
    <x v="31"/>
    <n v="-158"/>
  </r>
  <r>
    <n v="110"/>
    <s v="Kentucky Power - Distr"/>
    <s v="Distribution Mass Property - KY : KEP : 9099"/>
    <s v="Pole, Wood"/>
    <x v="31"/>
    <n v="-85"/>
  </r>
  <r>
    <n v="110"/>
    <s v="Kentucky Power - Distr"/>
    <s v="Distribution Mass Property - KY : KEP : 9099"/>
    <s v="Pole, Wood"/>
    <x v="31"/>
    <n v="2645"/>
  </r>
  <r>
    <n v="110"/>
    <s v="Kentucky Power - Distr"/>
    <s v="Distribution Mass Property - KY : KEP : 9099"/>
    <s v="Pole, Wood"/>
    <x v="31"/>
    <n v="-20"/>
  </r>
  <r>
    <n v="110"/>
    <s v="Kentucky Power - Distr"/>
    <s v="Distribution Mass Property - KY : KEP : 9099"/>
    <s v="Pole, Wood"/>
    <x v="31"/>
    <n v="-2540"/>
  </r>
  <r>
    <n v="110"/>
    <s v="Kentucky Power - Distr"/>
    <s v="Distribution Mass Property - KY : KEP : 9099"/>
    <s v="Pole, Wood"/>
    <x v="31"/>
    <n v="-1"/>
  </r>
  <r>
    <n v="110"/>
    <s v="Kentucky Power - Distr"/>
    <s v="Distribution Mass Property - KY : KEP : 9099"/>
    <s v="Pole, Wood"/>
    <x v="31"/>
    <n v="-164"/>
  </r>
  <r>
    <n v="110"/>
    <s v="Kentucky Power - Distr"/>
    <s v="Distribution Mass Property - KY : KEP : 9099"/>
    <s v="Pole, Wood"/>
    <x v="31"/>
    <n v="165"/>
  </r>
  <r>
    <n v="110"/>
    <s v="Kentucky Power - Distr"/>
    <s v="Distribution Mass Property - KY : KEP : 9099"/>
    <s v="Pole, Wood"/>
    <x v="32"/>
    <n v="-501"/>
  </r>
  <r>
    <n v="110"/>
    <s v="Kentucky Power - Distr"/>
    <s v="Distribution Mass Property - KY : KEP : 9099"/>
    <s v="Pole, Wood"/>
    <x v="32"/>
    <n v="0"/>
  </r>
  <r>
    <n v="110"/>
    <s v="Kentucky Power - Distr"/>
    <s v="Distribution Mass Property - KY : KEP : 9099"/>
    <s v="Pole, Wood"/>
    <x v="32"/>
    <n v="-739"/>
  </r>
  <r>
    <n v="110"/>
    <s v="Kentucky Power - Distr"/>
    <s v="Distribution Mass Property - KY : KEP : 9099"/>
    <s v="Pole, Wood"/>
    <x v="32"/>
    <n v="11382"/>
  </r>
  <r>
    <n v="110"/>
    <s v="Kentucky Power - Distr"/>
    <s v="Distribution Mass Property - KY : KEP : 9099"/>
    <s v="Pole, Wood"/>
    <x v="32"/>
    <n v="-726"/>
  </r>
  <r>
    <n v="110"/>
    <s v="Kentucky Power - Distr"/>
    <s v="Distribution Mass Property - KY : KEP : 9099"/>
    <s v="Pole, Wood"/>
    <x v="32"/>
    <n v="2"/>
  </r>
  <r>
    <n v="110"/>
    <s v="Kentucky Power - Distr"/>
    <s v="Distribution Mass Property - KY : KEP : 9099"/>
    <s v="Pole, Wood"/>
    <x v="32"/>
    <n v="-189"/>
  </r>
  <r>
    <n v="110"/>
    <s v="Kentucky Power - Distr"/>
    <s v="Distribution Mass Property - KY : KEP : 9099"/>
    <s v="Pole, Wood"/>
    <x v="32"/>
    <n v="-49"/>
  </r>
  <r>
    <n v="110"/>
    <s v="Kentucky Power - Distr"/>
    <s v="Distribution Mass Property - KY : KEP : 9099"/>
    <s v="Pole, Wood"/>
    <x v="32"/>
    <n v="-3164"/>
  </r>
  <r>
    <n v="110"/>
    <s v="Kentucky Power - Distr"/>
    <s v="Distribution Mass Property - KY : KEP : 9099"/>
    <s v="Pole, Wood"/>
    <x v="32"/>
    <n v="0"/>
  </r>
  <r>
    <n v="110"/>
    <s v="Kentucky Power - Distr"/>
    <s v="Distribution Mass Property - KY : KEP : 9099"/>
    <s v="Pole, Wood"/>
    <x v="32"/>
    <n v="3224"/>
  </r>
  <r>
    <n v="110"/>
    <s v="Kentucky Power - Distr"/>
    <s v="Distribution Mass Property - KY : KEP : 9099"/>
    <s v="Pole, Wood"/>
    <x v="32"/>
    <n v="-11"/>
  </r>
  <r>
    <n v="110"/>
    <s v="Kentucky Power - Distr"/>
    <s v="Distribution Mass Property - KY : KEP : 9099"/>
    <s v="Pole, Wood"/>
    <x v="32"/>
    <n v="201"/>
  </r>
  <r>
    <n v="110"/>
    <s v="Kentucky Power - Distr"/>
    <s v="Distribution Mass Property - KY : KEP : 9099"/>
    <s v="Pole, Wood"/>
    <x v="32"/>
    <n v="-201"/>
  </r>
  <r>
    <n v="110"/>
    <s v="Kentucky Power - Distr"/>
    <s v="Distribution Mass Property - KY : KEP : 9099"/>
    <s v="Pole, Wood"/>
    <x v="33"/>
    <n v="-64"/>
  </r>
  <r>
    <n v="110"/>
    <s v="Kentucky Power - Distr"/>
    <s v="Distribution Mass Property - KY : KEP : 9099"/>
    <s v="Pole, Wood"/>
    <x v="33"/>
    <n v="-480"/>
  </r>
  <r>
    <n v="110"/>
    <s v="Kentucky Power - Distr"/>
    <s v="Distribution Mass Property - KY : KEP : 9099"/>
    <s v="Pole, Wood"/>
    <x v="33"/>
    <n v="-158"/>
  </r>
  <r>
    <n v="110"/>
    <s v="Kentucky Power - Distr"/>
    <s v="Distribution Mass Property - KY : KEP : 9099"/>
    <s v="Pole, Wood"/>
    <x v="33"/>
    <n v="0"/>
  </r>
  <r>
    <n v="110"/>
    <s v="Kentucky Power - Distr"/>
    <s v="Distribution Mass Property - KY : KEP : 9099"/>
    <s v="Pole, Wood"/>
    <x v="33"/>
    <n v="-649"/>
  </r>
  <r>
    <n v="110"/>
    <s v="Kentucky Power - Distr"/>
    <s v="Distribution Mass Property - KY : KEP : 9099"/>
    <s v="Pole, Wood"/>
    <x v="33"/>
    <n v="0"/>
  </r>
  <r>
    <n v="110"/>
    <s v="Kentucky Power - Distr"/>
    <s v="Distribution Mass Property - KY : KEP : 9099"/>
    <s v="Pole, Wood"/>
    <x v="33"/>
    <n v="9875"/>
  </r>
  <r>
    <n v="110"/>
    <s v="Kentucky Power - Distr"/>
    <s v="Distribution Mass Property - KY : KEP : 9099"/>
    <s v="Pole, Wood"/>
    <x v="33"/>
    <n v="-7"/>
  </r>
  <r>
    <n v="110"/>
    <s v="Kentucky Power - Distr"/>
    <s v="Distribution Mass Property - KY : KEP : 9099"/>
    <s v="Pole, Wood"/>
    <x v="33"/>
    <n v="2789"/>
  </r>
  <r>
    <n v="110"/>
    <s v="Kentucky Power - Distr"/>
    <s v="Distribution Mass Property - KY : KEP : 9099"/>
    <s v="Pole, Wood"/>
    <x v="33"/>
    <n v="-34"/>
  </r>
  <r>
    <n v="110"/>
    <s v="Kentucky Power - Distr"/>
    <s v="Distribution Mass Property - KY : KEP : 9099"/>
    <s v="Pole, Wood"/>
    <x v="33"/>
    <n v="-2748"/>
  </r>
  <r>
    <n v="110"/>
    <s v="Kentucky Power - Distr"/>
    <s v="Distribution Mass Property - KY : KEP : 9099"/>
    <s v="Pole, Wood"/>
    <x v="33"/>
    <n v="-174"/>
  </r>
  <r>
    <n v="110"/>
    <s v="Kentucky Power - Distr"/>
    <s v="Distribution Mass Property - KY : KEP : 9099"/>
    <s v="Pole, Wood"/>
    <x v="33"/>
    <n v="174"/>
  </r>
  <r>
    <n v="110"/>
    <s v="Kentucky Power - Distr"/>
    <s v="Distribution Mass Property - KY : KEP : 9099"/>
    <s v="Pole, Wood"/>
    <x v="34"/>
    <n v="-826"/>
  </r>
  <r>
    <n v="110"/>
    <s v="Kentucky Power - Distr"/>
    <s v="Distribution Mass Property - KY : KEP : 9099"/>
    <s v="Pole, Wood"/>
    <x v="34"/>
    <n v="-299"/>
  </r>
  <r>
    <n v="110"/>
    <s v="Kentucky Power - Distr"/>
    <s v="Distribution Mass Property - KY : KEP : 9099"/>
    <s v="Pole, Wood"/>
    <x v="34"/>
    <n v="0"/>
  </r>
  <r>
    <n v="110"/>
    <s v="Kentucky Power - Distr"/>
    <s v="Distribution Mass Property - KY : KEP : 9099"/>
    <s v="Pole, Wood"/>
    <x v="34"/>
    <n v="0"/>
  </r>
  <r>
    <n v="110"/>
    <s v="Kentucky Power - Distr"/>
    <s v="Distribution Mass Property - KY : KEP : 9099"/>
    <s v="Pole, Wood"/>
    <x v="34"/>
    <n v="19615"/>
  </r>
  <r>
    <n v="110"/>
    <s v="Kentucky Power - Distr"/>
    <s v="Distribution Mass Property - KY : KEP : 9099"/>
    <s v="Pole, Wood"/>
    <x v="34"/>
    <n v="0"/>
  </r>
  <r>
    <n v="110"/>
    <s v="Kentucky Power - Distr"/>
    <s v="Distribution Mass Property - KY : KEP : 9099"/>
    <s v="Pole, Wood"/>
    <x v="34"/>
    <n v="-517"/>
  </r>
  <r>
    <n v="110"/>
    <s v="Kentucky Power - Distr"/>
    <s v="Distribution Mass Property - KY : KEP : 9099"/>
    <s v="Pole, Wood"/>
    <x v="34"/>
    <n v="5"/>
  </r>
  <r>
    <n v="110"/>
    <s v="Kentucky Power - Distr"/>
    <s v="Distribution Mass Property - KY : KEP : 9099"/>
    <s v="Pole, Wood"/>
    <x v="34"/>
    <n v="-6377"/>
  </r>
  <r>
    <n v="110"/>
    <s v="Kentucky Power - Distr"/>
    <s v="Distribution Mass Property - KY : KEP : 9099"/>
    <s v="Pole, Wood"/>
    <x v="34"/>
    <n v="0"/>
  </r>
  <r>
    <n v="110"/>
    <s v="Kentucky Power - Distr"/>
    <s v="Distribution Mass Property - KY : KEP : 9099"/>
    <s v="Pole, Wood"/>
    <x v="34"/>
    <n v="-29"/>
  </r>
  <r>
    <n v="110"/>
    <s v="Kentucky Power - Distr"/>
    <s v="Distribution Mass Property - KY : KEP : 9099"/>
    <s v="Pole, Wood"/>
    <x v="34"/>
    <n v="-6"/>
  </r>
  <r>
    <n v="110"/>
    <s v="Kentucky Power - Distr"/>
    <s v="Distribution Mass Property - KY : KEP : 9099"/>
    <s v="Pole, Wood"/>
    <x v="34"/>
    <n v="-5480"/>
  </r>
  <r>
    <n v="110"/>
    <s v="Kentucky Power - Distr"/>
    <s v="Distribution Mass Property - KY : KEP : 9099"/>
    <s v="Pole, Wood"/>
    <x v="34"/>
    <n v="5515"/>
  </r>
  <r>
    <n v="110"/>
    <s v="Kentucky Power - Distr"/>
    <s v="Distribution Mass Property - KY : KEP : 9099"/>
    <s v="Pole, Wood"/>
    <x v="34"/>
    <n v="-343"/>
  </r>
  <r>
    <n v="110"/>
    <s v="Kentucky Power - Distr"/>
    <s v="Distribution Mass Property - KY : KEP : 9099"/>
    <s v="Pole, Wood"/>
    <x v="34"/>
    <n v="343"/>
  </r>
  <r>
    <n v="110"/>
    <s v="Kentucky Power - Distr"/>
    <s v="Distribution Mass Property - KY : KEP : 9099"/>
    <s v="Pole, Wood"/>
    <x v="35"/>
    <n v="-55"/>
  </r>
  <r>
    <n v="110"/>
    <s v="Kentucky Power - Distr"/>
    <s v="Distribution Mass Property - KY : KEP : 9099"/>
    <s v="Pole, Wood"/>
    <x v="35"/>
    <n v="-69"/>
  </r>
  <r>
    <n v="110"/>
    <s v="Kentucky Power - Distr"/>
    <s v="Distribution Mass Property - KY : KEP : 9099"/>
    <s v="Pole, Wood"/>
    <x v="35"/>
    <n v="22"/>
  </r>
  <r>
    <n v="110"/>
    <s v="Kentucky Power - Distr"/>
    <s v="Distribution Mass Property - KY : KEP : 9099"/>
    <s v="Pole, Wood"/>
    <x v="35"/>
    <n v="-295"/>
  </r>
  <r>
    <n v="110"/>
    <s v="Kentucky Power - Distr"/>
    <s v="Distribution Mass Property - KY : KEP : 9099"/>
    <s v="Pole, Wood"/>
    <x v="35"/>
    <n v="3939"/>
  </r>
  <r>
    <n v="110"/>
    <s v="Kentucky Power - Distr"/>
    <s v="Distribution Mass Property - KY : KEP : 9099"/>
    <s v="Pole, Wood"/>
    <x v="35"/>
    <n v="0"/>
  </r>
  <r>
    <n v="110"/>
    <s v="Kentucky Power - Distr"/>
    <s v="Distribution Mass Property - KY : KEP : 9099"/>
    <s v="Pole, Wood"/>
    <x v="35"/>
    <n v="-1"/>
  </r>
  <r>
    <n v="110"/>
    <s v="Kentucky Power - Distr"/>
    <s v="Distribution Mass Property - KY : KEP : 9099"/>
    <s v="Pole, Wood"/>
    <x v="35"/>
    <n v="-3"/>
  </r>
  <r>
    <n v="110"/>
    <s v="Kentucky Power - Distr"/>
    <s v="Distribution Mass Property - KY : KEP : 9099"/>
    <s v="Pole, Wood"/>
    <x v="35"/>
    <n v="-2"/>
  </r>
  <r>
    <n v="110"/>
    <s v="Kentucky Power - Distr"/>
    <s v="Distribution Mass Property - KY : KEP : 9099"/>
    <s v="Pole, Wood"/>
    <x v="35"/>
    <n v="-1101"/>
  </r>
  <r>
    <n v="110"/>
    <s v="Kentucky Power - Distr"/>
    <s v="Distribution Mass Property - KY : KEP : 9099"/>
    <s v="Pole, Wood"/>
    <x v="35"/>
    <n v="0"/>
  </r>
  <r>
    <n v="110"/>
    <s v="Kentucky Power - Distr"/>
    <s v="Distribution Mass Property - KY : KEP : 9099"/>
    <s v="Pole, Wood"/>
    <x v="35"/>
    <n v="1103"/>
  </r>
  <r>
    <n v="110"/>
    <s v="Kentucky Power - Distr"/>
    <s v="Distribution Mass Property - KY : KEP : 9099"/>
    <s v="Pole, Wood"/>
    <x v="35"/>
    <n v="-69"/>
  </r>
  <r>
    <n v="110"/>
    <s v="Kentucky Power - Distr"/>
    <s v="Distribution Mass Property - KY : KEP : 9099"/>
    <s v="Pole, Wood"/>
    <x v="35"/>
    <n v="69"/>
  </r>
  <r>
    <n v="110"/>
    <s v="Kentucky Power - Distr"/>
    <s v="Distribution Mass Property - KY : KEP : 9099"/>
    <s v="Pole, Wood"/>
    <x v="35"/>
    <n v="0"/>
  </r>
  <r>
    <n v="110"/>
    <s v="Kentucky Power - Distr"/>
    <s v="Distribution Mass Property - KY : KEP : 9099"/>
    <s v="Pole, Wood"/>
    <x v="36"/>
    <n v="-55"/>
  </r>
  <r>
    <n v="110"/>
    <s v="Kentucky Power - Distr"/>
    <s v="Distribution Mass Property - KY : KEP : 9099"/>
    <s v="Pole, Wood"/>
    <x v="36"/>
    <n v="-36"/>
  </r>
  <r>
    <n v="110"/>
    <s v="Kentucky Power - Distr"/>
    <s v="Distribution Mass Property - KY : KEP : 9099"/>
    <s v="Pole, Wood"/>
    <x v="36"/>
    <n v="-1"/>
  </r>
  <r>
    <n v="110"/>
    <s v="Kentucky Power - Distr"/>
    <s v="Distribution Mass Property - KY : KEP : 9099"/>
    <s v="Pole, Wood"/>
    <x v="36"/>
    <n v="169"/>
  </r>
  <r>
    <n v="110"/>
    <s v="Kentucky Power - Distr"/>
    <s v="Distribution Mass Property - KY : KEP : 9099"/>
    <s v="Pole, Wood"/>
    <x v="36"/>
    <n v="0"/>
  </r>
  <r>
    <n v="110"/>
    <s v="Kentucky Power - Distr"/>
    <s v="Distribution Mass Property - KY : KEP : 9099"/>
    <s v="Pole, Wood"/>
    <x v="36"/>
    <n v="4116"/>
  </r>
  <r>
    <n v="110"/>
    <s v="Kentucky Power - Distr"/>
    <s v="Distribution Mass Property - KY : KEP : 9099"/>
    <s v="Pole, Wood"/>
    <x v="36"/>
    <n v="-296"/>
  </r>
  <r>
    <n v="110"/>
    <s v="Kentucky Power - Distr"/>
    <s v="Distribution Mass Property - KY : KEP : 9099"/>
    <s v="Pole, Wood"/>
    <x v="36"/>
    <n v="-40"/>
  </r>
  <r>
    <n v="110"/>
    <s v="Kentucky Power - Distr"/>
    <s v="Distribution Mass Property - KY : KEP : 9099"/>
    <s v="Pole, Wood"/>
    <x v="36"/>
    <n v="-1"/>
  </r>
  <r>
    <n v="110"/>
    <s v="Kentucky Power - Distr"/>
    <s v="Distribution Mass Property - KY : KEP : 9099"/>
    <s v="Pole, Wood"/>
    <x v="36"/>
    <n v="-18"/>
  </r>
  <r>
    <n v="110"/>
    <s v="Kentucky Power - Distr"/>
    <s v="Distribution Mass Property - KY : KEP : 9099"/>
    <s v="Pole, Wood"/>
    <x v="36"/>
    <n v="0"/>
  </r>
  <r>
    <n v="110"/>
    <s v="Kentucky Power - Distr"/>
    <s v="Distribution Mass Property - KY : KEP : 9099"/>
    <s v="Pole, Wood"/>
    <x v="36"/>
    <n v="1148"/>
  </r>
  <r>
    <n v="110"/>
    <s v="Kentucky Power - Distr"/>
    <s v="Distribution Mass Property - KY : KEP : 9099"/>
    <s v="Pole, Wood"/>
    <x v="36"/>
    <n v="-1148"/>
  </r>
  <r>
    <n v="110"/>
    <s v="Kentucky Power - Distr"/>
    <s v="Distribution Mass Property - KY : KEP : 9099"/>
    <s v="Pole, Wood"/>
    <x v="36"/>
    <n v="69"/>
  </r>
  <r>
    <n v="110"/>
    <s v="Kentucky Power - Distr"/>
    <s v="Distribution Mass Property - KY : KEP : 9099"/>
    <s v="Pole, Wood"/>
    <x v="36"/>
    <n v="0"/>
  </r>
  <r>
    <n v="110"/>
    <s v="Kentucky Power - Distr"/>
    <s v="Distribution Mass Property - KY : KEP : 9099"/>
    <s v="Pole, Wood"/>
    <x v="36"/>
    <n v="-69"/>
  </r>
  <r>
    <n v="110"/>
    <s v="Kentucky Power - Distr"/>
    <s v="Distribution Mass Property - KY : KEP : 9099"/>
    <s v="Pole, Wood"/>
    <x v="37"/>
    <n v="-262"/>
  </r>
  <r>
    <n v="110"/>
    <s v="Kentucky Power - Distr"/>
    <s v="Distribution Mass Property - KY : KEP : 9099"/>
    <s v="Pole, Wood"/>
    <x v="37"/>
    <n v="0"/>
  </r>
  <r>
    <n v="110"/>
    <s v="Kentucky Power - Distr"/>
    <s v="Distribution Mass Property - KY : KEP : 9099"/>
    <s v="Pole, Wood"/>
    <x v="37"/>
    <n v="1233"/>
  </r>
  <r>
    <n v="110"/>
    <s v="Kentucky Power - Distr"/>
    <s v="Distribution Mass Property - KY : KEP : 9099"/>
    <s v="Pole, Wood"/>
    <x v="37"/>
    <n v="3293"/>
  </r>
  <r>
    <n v="110"/>
    <s v="Kentucky Power - Distr"/>
    <s v="Distribution Mass Property - KY : KEP : 9099"/>
    <s v="Pole, Wood"/>
    <x v="37"/>
    <n v="-86"/>
  </r>
  <r>
    <n v="110"/>
    <s v="Kentucky Power - Distr"/>
    <s v="Distribution Mass Property - KY : KEP : 9099"/>
    <s v="Pole, Wood"/>
    <x v="37"/>
    <n v="-1"/>
  </r>
  <r>
    <n v="110"/>
    <s v="Kentucky Power - Distr"/>
    <s v="Distribution Mass Property - KY : KEP : 9099"/>
    <s v="Pole, Wood"/>
    <x v="37"/>
    <n v="-41"/>
  </r>
  <r>
    <n v="110"/>
    <s v="Kentucky Power - Distr"/>
    <s v="Distribution Mass Property - KY : KEP : 9099"/>
    <s v="Pole, Wood"/>
    <x v="37"/>
    <n v="-2"/>
  </r>
  <r>
    <n v="110"/>
    <s v="Kentucky Power - Distr"/>
    <s v="Distribution Mass Property - KY : KEP : 9099"/>
    <s v="Pole, Wood"/>
    <x v="37"/>
    <n v="-13"/>
  </r>
  <r>
    <n v="110"/>
    <s v="Kentucky Power - Distr"/>
    <s v="Distribution Mass Property - KY : KEP : 9099"/>
    <s v="Pole, Wood"/>
    <x v="37"/>
    <n v="-35"/>
  </r>
  <r>
    <n v="110"/>
    <s v="Kentucky Power - Distr"/>
    <s v="Distribution Mass Property - KY : KEP : 9099"/>
    <s v="Pole, Wood"/>
    <x v="37"/>
    <n v="0"/>
  </r>
  <r>
    <n v="110"/>
    <s v="Kentucky Power - Distr"/>
    <s v="Distribution Mass Property - KY : KEP : 9099"/>
    <s v="Pole, Wood"/>
    <x v="37"/>
    <n v="35"/>
  </r>
  <r>
    <n v="110"/>
    <s v="Kentucky Power - Distr"/>
    <s v="Distribution Mass Property - KY : KEP : 9099"/>
    <s v="Pole, Wood"/>
    <x v="37"/>
    <n v="1"/>
  </r>
  <r>
    <n v="110"/>
    <s v="Kentucky Power - Distr"/>
    <s v="Distribution Mass Property - KY : KEP : 9099"/>
    <s v="Pole, Wood"/>
    <x v="37"/>
    <n v="1"/>
  </r>
  <r>
    <n v="110"/>
    <s v="Kentucky Power - Distr"/>
    <s v="Distribution Mass Property - KY : KEP : 9099"/>
    <s v="Pole, Wood"/>
    <x v="37"/>
    <n v="-1"/>
  </r>
  <r>
    <n v="110"/>
    <s v="Kentucky Power - Distr"/>
    <s v="Distribution Mass Property - KY : KEP : 9099"/>
    <s v="Pole, Wood"/>
    <x v="38"/>
    <n v="-1"/>
  </r>
  <r>
    <n v="110"/>
    <s v="Kentucky Power - Distr"/>
    <s v="Distribution Mass Property - KY : KEP : 9099"/>
    <s v="Pole, Wood"/>
    <x v="38"/>
    <n v="8601"/>
  </r>
  <r>
    <n v="110"/>
    <s v="Kentucky Power - Distr"/>
    <s v="Distribution Mass Property - KY : KEP : 9099"/>
    <s v="Pole, Wood"/>
    <x v="38"/>
    <n v="-525"/>
  </r>
  <r>
    <n v="110"/>
    <s v="Kentucky Power - Distr"/>
    <s v="Distribution Mass Property - KY : KEP : 9099"/>
    <s v="Pole, Wood"/>
    <x v="38"/>
    <n v="-13"/>
  </r>
  <r>
    <n v="110"/>
    <s v="Kentucky Power - Distr"/>
    <s v="Distribution Mass Property - KY : KEP : 9099"/>
    <s v="Pole, Wood"/>
    <x v="38"/>
    <n v="0"/>
  </r>
  <r>
    <n v="110"/>
    <s v="Kentucky Power - Distr"/>
    <s v="Distribution Mass Property - KY : KEP : 9099"/>
    <s v="Pole, Wood"/>
    <x v="38"/>
    <n v="-151"/>
  </r>
  <r>
    <n v="110"/>
    <s v="Kentucky Power - Distr"/>
    <s v="Distribution Mass Property - KY : KEP : 9099"/>
    <s v="Pole, Wood"/>
    <x v="38"/>
    <n v="0"/>
  </r>
  <r>
    <n v="110"/>
    <s v="Kentucky Power - Distr"/>
    <s v="Distribution Mass Property - KY : KEP : 9099"/>
    <s v="Pole, Wood"/>
    <x v="38"/>
    <n v="0"/>
  </r>
  <r>
    <n v="110"/>
    <s v="Kentucky Power - Distr"/>
    <s v="Distribution Mass Property - KY : KEP : 9099"/>
    <s v="Pole, Wood"/>
    <x v="39"/>
    <n v="-305"/>
  </r>
  <r>
    <n v="110"/>
    <s v="Kentucky Power - Distr"/>
    <s v="Distribution Mass Property - KY : KEP : 9099"/>
    <s v="Pole, Wood"/>
    <x v="39"/>
    <n v="0"/>
  </r>
  <r>
    <n v="110"/>
    <s v="Kentucky Power - Distr"/>
    <s v="Distribution Mass Property - KY : KEP : 9099"/>
    <s v="Pole, Wood"/>
    <x v="39"/>
    <n v="-8"/>
  </r>
  <r>
    <n v="110"/>
    <s v="Kentucky Power - Distr"/>
    <s v="Distribution Mass Property - KY : KEP : 9099"/>
    <s v="Pole, Wood"/>
    <x v="39"/>
    <n v="5053"/>
  </r>
  <r>
    <n v="110"/>
    <s v="Kentucky Power - Distr"/>
    <s v="Distribution Mass Property - KY : KEP : 9099"/>
    <s v="Pole, Wood"/>
    <x v="39"/>
    <n v="-45"/>
  </r>
  <r>
    <n v="110"/>
    <s v="Kentucky Power - Distr"/>
    <s v="Distribution Mass Property - KY : KEP : 9099"/>
    <s v="Pole, Wood"/>
    <x v="39"/>
    <n v="-1"/>
  </r>
  <r>
    <n v="110"/>
    <s v="Kentucky Power - Distr"/>
    <s v="Distribution Mass Property - KY : KEP : 9099"/>
    <s v="Pole, Wood"/>
    <x v="39"/>
    <n v="-165"/>
  </r>
  <r>
    <n v="110"/>
    <s v="Kentucky Power - Distr"/>
    <s v="Distribution Mass Property - KY : KEP : 9099"/>
    <s v="Pole, Wood"/>
    <x v="39"/>
    <n v="1"/>
  </r>
  <r>
    <n v="110"/>
    <s v="Kentucky Power - Distr"/>
    <s v="Distribution Mass Property - KY : KEP : 9099"/>
    <s v="Pole, Wood"/>
    <x v="39"/>
    <n v="0"/>
  </r>
  <r>
    <n v="110"/>
    <s v="Kentucky Power - Distr"/>
    <s v="Distribution Mass Property - KY : KEP : 9099"/>
    <s v="Pole, Wood"/>
    <x v="40"/>
    <n v="0"/>
  </r>
  <r>
    <n v="110"/>
    <s v="Kentucky Power - Distr"/>
    <s v="Distribution Mass Property - KY : KEP : 9099"/>
    <s v="Pole, Wood"/>
    <x v="40"/>
    <n v="-3"/>
  </r>
  <r>
    <n v="110"/>
    <s v="Kentucky Power - Distr"/>
    <s v="Distribution Mass Property - KY : KEP : 9099"/>
    <s v="Pole, Wood"/>
    <x v="40"/>
    <n v="-3"/>
  </r>
  <r>
    <n v="110"/>
    <s v="Kentucky Power - Distr"/>
    <s v="Distribution Mass Property - KY : KEP : 9099"/>
    <s v="Pole, Wood"/>
    <x v="40"/>
    <n v="-21"/>
  </r>
  <r>
    <n v="110"/>
    <s v="Kentucky Power - Distr"/>
    <s v="Distribution Mass Property - KY : KEP : 9099"/>
    <s v="Pole, Wood"/>
    <x v="40"/>
    <n v="5585"/>
  </r>
  <r>
    <n v="110"/>
    <s v="Kentucky Power - Distr"/>
    <s v="Distribution Mass Property - KY : KEP : 9099"/>
    <s v="Pole, Wood"/>
    <x v="40"/>
    <n v="-332"/>
  </r>
  <r>
    <n v="110"/>
    <s v="Kentucky Power - Distr"/>
    <s v="Distribution Mass Property - KY : KEP : 9099"/>
    <s v="Pole, Wood"/>
    <x v="40"/>
    <n v="0"/>
  </r>
  <r>
    <n v="110"/>
    <s v="Kentucky Power - Distr"/>
    <s v="Distribution Mass Property - KY : KEP : 9099"/>
    <s v="Pole, Wood"/>
    <x v="41"/>
    <n v="-10"/>
  </r>
  <r>
    <n v="110"/>
    <s v="Kentucky Power - Distr"/>
    <s v="Distribution Mass Property - KY : KEP : 9099"/>
    <s v="Pole, Wood"/>
    <x v="41"/>
    <n v="-3"/>
  </r>
  <r>
    <n v="110"/>
    <s v="Kentucky Power - Distr"/>
    <s v="Distribution Mass Property - KY : KEP : 9099"/>
    <s v="Pole, Wood"/>
    <x v="41"/>
    <n v="0"/>
  </r>
  <r>
    <n v="110"/>
    <s v="Kentucky Power - Distr"/>
    <s v="Distribution Mass Property - KY : KEP : 9099"/>
    <s v="Pole, Wood"/>
    <x v="41"/>
    <n v="-1"/>
  </r>
  <r>
    <n v="110"/>
    <s v="Kentucky Power - Distr"/>
    <s v="Distribution Mass Property - KY : KEP : 9099"/>
    <s v="Pole, Wood"/>
    <x v="41"/>
    <n v="3767"/>
  </r>
  <r>
    <n v="110"/>
    <s v="Kentucky Power - Distr"/>
    <s v="Distribution Mass Property - KY : KEP : 9099"/>
    <s v="Pole, Wood"/>
    <x v="41"/>
    <n v="-191"/>
  </r>
  <r>
    <n v="110"/>
    <s v="Kentucky Power - Distr"/>
    <s v="Distribution Mass Property - KY : KEP : 9099"/>
    <s v="Pole, Wood"/>
    <x v="42"/>
    <n v="0"/>
  </r>
  <r>
    <n v="110"/>
    <s v="Kentucky Power - Distr"/>
    <s v="Distribution Mass Property - KY : KEP : 9099"/>
    <s v="Pole, Wood"/>
    <x v="42"/>
    <n v="0"/>
  </r>
  <r>
    <n v="110"/>
    <s v="Kentucky Power - Distr"/>
    <s v="Distribution Mass Property - KY : KEP : 9099"/>
    <s v="Pole, Wood"/>
    <x v="42"/>
    <n v="3810"/>
  </r>
  <r>
    <n v="110"/>
    <s v="Kentucky Power - Distr"/>
    <s v="Distribution Mass Property - KY : KEP : 9099"/>
    <s v="Pole, Wood"/>
    <x v="42"/>
    <n v="-183"/>
  </r>
  <r>
    <n v="110"/>
    <s v="Kentucky Power - Distr"/>
    <s v="Distribution Mass Property - KY : KEP : 9099"/>
    <s v="Pole, Wood"/>
    <x v="42"/>
    <n v="-3"/>
  </r>
  <r>
    <n v="110"/>
    <s v="Kentucky Power - Distr"/>
    <s v="Distribution Mass Property - KY : KEP : 9099"/>
    <s v="Pole, Wood"/>
    <x v="42"/>
    <n v="0"/>
  </r>
  <r>
    <n v="110"/>
    <s v="Kentucky Power - Distr"/>
    <s v="Distribution Mass Property - KY : KEP : 9099"/>
    <s v="Pole, Wood"/>
    <x v="42"/>
    <n v="-5"/>
  </r>
  <r>
    <n v="110"/>
    <s v="Kentucky Power - Distr"/>
    <s v="Distribution Mass Property - KY : KEP : 9099"/>
    <s v="Pole, Wood"/>
    <x v="43"/>
    <n v="-4"/>
  </r>
  <r>
    <n v="110"/>
    <s v="Kentucky Power - Distr"/>
    <s v="Distribution Mass Property - KY : KEP : 9099"/>
    <s v="Pole, Wood"/>
    <x v="43"/>
    <n v="-1"/>
  </r>
  <r>
    <n v="110"/>
    <s v="Kentucky Power - Distr"/>
    <s v="Distribution Mass Property - KY : KEP : 9099"/>
    <s v="Pole, Wood"/>
    <x v="43"/>
    <n v="0"/>
  </r>
  <r>
    <n v="110"/>
    <s v="Kentucky Power - Distr"/>
    <s v="Distribution Mass Property - KY : KEP : 9099"/>
    <s v="Pole, Wood"/>
    <x v="43"/>
    <n v="0"/>
  </r>
  <r>
    <n v="110"/>
    <s v="Kentucky Power - Distr"/>
    <s v="Distribution Mass Property - KY : KEP : 9099"/>
    <s v="Pole, Wood"/>
    <x v="43"/>
    <n v="4025"/>
  </r>
  <r>
    <n v="110"/>
    <s v="Kentucky Power - Distr"/>
    <s v="Distribution Mass Property - KY : KEP : 9099"/>
    <s v="Pole, Wood"/>
    <x v="43"/>
    <n v="-18"/>
  </r>
  <r>
    <n v="110"/>
    <s v="Kentucky Power - Distr"/>
    <s v="Distribution Mass Property - KY : KEP : 9099"/>
    <s v="Pole, Wood"/>
    <x v="43"/>
    <n v="1"/>
  </r>
  <r>
    <n v="110"/>
    <s v="Kentucky Power - Distr"/>
    <s v="Distribution Mass Property - KY : KEP : 9099"/>
    <s v="Pole, Wood"/>
    <x v="43"/>
    <n v="-221"/>
  </r>
  <r>
    <n v="110"/>
    <s v="Kentucky Power - Distr"/>
    <s v="Distribution Mass Property - KY : KEP : 9099"/>
    <s v="Pole, Wood"/>
    <x v="44"/>
    <n v="4146"/>
  </r>
  <r>
    <n v="110"/>
    <s v="Kentucky Power - Distr"/>
    <s v="Distribution Mass Property - KY : KEP : 9099"/>
    <s v="Pole, Wood"/>
    <x v="44"/>
    <n v="-215"/>
  </r>
  <r>
    <n v="110"/>
    <s v="Kentucky Power - Distr"/>
    <s v="Distribution Mass Property - KY : KEP : 9099"/>
    <s v="Pole, Wood"/>
    <x v="44"/>
    <n v="-4"/>
  </r>
  <r>
    <n v="110"/>
    <s v="Kentucky Power - Distr"/>
    <s v="Distribution Mass Property - KY : KEP : 9099"/>
    <s v="Pole, Wood"/>
    <x v="44"/>
    <n v="-1"/>
  </r>
  <r>
    <n v="110"/>
    <s v="Kentucky Power - Distr"/>
    <s v="Distribution Mass Property - KY : KEP : 9099"/>
    <s v="Pole, Wood"/>
    <x v="44"/>
    <n v="0"/>
  </r>
  <r>
    <n v="110"/>
    <s v="Kentucky Power - Distr"/>
    <s v="Distribution Mass Property - KY : KEP : 9099"/>
    <s v="Pole, Wood"/>
    <x v="44"/>
    <n v="-1"/>
  </r>
  <r>
    <n v="110"/>
    <s v="Kentucky Power - Distr"/>
    <s v="Distribution Mass Property - KY : KEP : 9099"/>
    <s v="Pole, Wood"/>
    <x v="44"/>
    <n v="0"/>
  </r>
  <r>
    <n v="110"/>
    <s v="Kentucky Power - Distr"/>
    <s v="Distribution Mass Property - KY : KEP : 9099"/>
    <s v="Pole, Wood"/>
    <x v="44"/>
    <n v="0"/>
  </r>
  <r>
    <n v="110"/>
    <s v="Kentucky Power - Distr"/>
    <s v="Distribution Mass Property - KY : KEP : 9099"/>
    <s v="Pole, Wood"/>
    <x v="45"/>
    <n v="0"/>
  </r>
  <r>
    <n v="110"/>
    <s v="Kentucky Power - Distr"/>
    <s v="Distribution Mass Property - KY : KEP : 9099"/>
    <s v="Pole, Wood"/>
    <x v="45"/>
    <n v="0"/>
  </r>
  <r>
    <n v="110"/>
    <s v="Kentucky Power - Distr"/>
    <s v="Distribution Mass Property - KY : KEP : 9099"/>
    <s v="Pole, Wood"/>
    <x v="45"/>
    <n v="4607"/>
  </r>
  <r>
    <n v="110"/>
    <s v="Kentucky Power - Distr"/>
    <s v="Distribution Mass Property - KY : KEP : 9099"/>
    <s v="Pole, Wood"/>
    <x v="45"/>
    <n v="-2"/>
  </r>
  <r>
    <n v="110"/>
    <s v="Kentucky Power - Distr"/>
    <s v="Distribution Mass Property - KY : KEP : 9099"/>
    <s v="Pole, Wood"/>
    <x v="45"/>
    <n v="0"/>
  </r>
  <r>
    <n v="110"/>
    <s v="Kentucky Power - Distr"/>
    <s v="Distribution Mass Property - KY : KEP : 9099"/>
    <s v="Pole, Wood"/>
    <x v="45"/>
    <n v="1"/>
  </r>
  <r>
    <n v="110"/>
    <s v="Kentucky Power - Distr"/>
    <s v="Distribution Mass Property - KY : KEP : 9099"/>
    <s v="Pole, Wood"/>
    <x v="45"/>
    <n v="-234"/>
  </r>
  <r>
    <n v="110"/>
    <s v="Kentucky Power - Distr"/>
    <s v="Distribution Mass Property - KY : KEP : 9099"/>
    <s v="Pole, Wood"/>
    <x v="46"/>
    <n v="4214"/>
  </r>
  <r>
    <n v="110"/>
    <s v="Kentucky Power - Distr"/>
    <s v="Distribution Mass Property - KY : KEP : 9099"/>
    <s v="Pole, Wood"/>
    <x v="46"/>
    <n v="0"/>
  </r>
  <r>
    <n v="110"/>
    <s v="Kentucky Power - Distr"/>
    <s v="Distribution Mass Property - KY : KEP : 9099"/>
    <s v="Pole, Wood"/>
    <x v="46"/>
    <n v="-181"/>
  </r>
  <r>
    <n v="110"/>
    <s v="Kentucky Power - Distr"/>
    <s v="Distribution Mass Property - KY : KEP : 9099"/>
    <s v="Pole, Wood"/>
    <x v="46"/>
    <n v="0"/>
  </r>
  <r>
    <n v="110"/>
    <s v="Kentucky Power - Distr"/>
    <s v="Distribution Mass Property - KY : KEP : 9099"/>
    <s v="Pole, Wood"/>
    <x v="46"/>
    <n v="1"/>
  </r>
  <r>
    <n v="110"/>
    <s v="Kentucky Power - Distr"/>
    <s v="Distribution Mass Property - KY : KEP : 9099"/>
    <s v="Pole, Wood"/>
    <x v="47"/>
    <n v="2"/>
  </r>
  <r>
    <n v="110"/>
    <s v="Kentucky Power - Distr"/>
    <s v="Distribution Mass Property - KY : KEP : 9099"/>
    <s v="Pole, Wood"/>
    <x v="47"/>
    <n v="-1"/>
  </r>
  <r>
    <n v="110"/>
    <s v="Kentucky Power - Distr"/>
    <s v="Distribution Mass Property - KY : KEP : 9099"/>
    <s v="Pole, Wood"/>
    <x v="47"/>
    <n v="-146"/>
  </r>
  <r>
    <n v="110"/>
    <s v="Kentucky Power - Distr"/>
    <s v="Distribution Mass Property - KY : KEP : 9099"/>
    <s v="Pole, Wood"/>
    <x v="47"/>
    <n v="0"/>
  </r>
  <r>
    <n v="110"/>
    <s v="Kentucky Power - Distr"/>
    <s v="Distribution Mass Property - KY : KEP : 9099"/>
    <s v="Pole, Wood"/>
    <x v="47"/>
    <n v="12"/>
  </r>
  <r>
    <n v="110"/>
    <s v="Kentucky Power - Distr"/>
    <s v="Distribution Mass Property - KY : KEP : 9099"/>
    <s v="Pole, Wood"/>
    <x v="47"/>
    <n v="3919"/>
  </r>
  <r>
    <n v="110"/>
    <s v="Kentucky Power - Distr"/>
    <s v="Distribution Mass Property - KY : KEP : 9099"/>
    <s v="Pole, Wood"/>
    <x v="48"/>
    <n v="-59"/>
  </r>
  <r>
    <n v="110"/>
    <s v="Kentucky Power - Distr"/>
    <s v="Distribution Mass Property - KY : KEP : 9099"/>
    <s v="Pole, Wood"/>
    <x v="48"/>
    <n v="2074"/>
  </r>
  <r>
    <n v="110"/>
    <s v="Kentucky Power - Distr"/>
    <s v="Distribution Mass Property - KY : KEP : 9099"/>
    <s v="Pole, Wood"/>
    <x v="48"/>
    <n v="0"/>
  </r>
  <r>
    <n v="110"/>
    <s v="Kentucky Power - Distr"/>
    <s v="Distribution Mass Property - KY : KEP : 9099"/>
    <s v="Pole, Wood"/>
    <x v="48"/>
    <n v="675"/>
  </r>
  <r>
    <n v="110"/>
    <s v="Kentucky Power - Distr"/>
    <s v="Distribution Mass Property - KY : KEP : 9099"/>
    <s v="Pole, Wood"/>
    <x v="48"/>
    <n v="0"/>
  </r>
  <r>
    <n v="110"/>
    <s v="Kentucky Power - Distr"/>
    <s v="Distribution Mass Property - KY : KEP : 9099"/>
    <s v="Pole, Wood"/>
    <x v="48"/>
    <n v="527"/>
  </r>
  <r>
    <n v="110"/>
    <s v="Kentucky Power - Distr"/>
    <s v="Distribution Mass Property - KY : KEP : 9099"/>
    <s v="Pole, Wood"/>
    <x v="48"/>
    <n v="-75"/>
  </r>
  <r>
    <n v="110"/>
    <s v="Kentucky Power - Distr"/>
    <s v="Distribution Mass Property - KY : KEP : 9099"/>
    <s v="Pole, Wood"/>
    <x v="49"/>
    <n v="3151"/>
  </r>
  <r>
    <n v="110"/>
    <s v="Kentucky Power - Distr"/>
    <s v="Distribution Mass Property - KY : KEP : 9099"/>
    <s v="Pole, Wood"/>
    <x v="49"/>
    <n v="0"/>
  </r>
  <r>
    <n v="110"/>
    <s v="Kentucky Power - Distr"/>
    <s v="Distribution Mass Property - KY : KEP : 9099"/>
    <s v="Pole, Wood"/>
    <x v="49"/>
    <n v="-80"/>
  </r>
  <r>
    <n v="110"/>
    <s v="Kentucky Power - Distr"/>
    <s v="Distribution Mass Property - KY : KEP : 9099"/>
    <s v="Pole, Wood"/>
    <x v="50"/>
    <n v="3195"/>
  </r>
  <r>
    <n v="110"/>
    <s v="Kentucky Power - Distr"/>
    <s v="Distribution Mass Property - KY : KEP : 9099"/>
    <s v="Pole, Wood"/>
    <x v="50"/>
    <n v="-28"/>
  </r>
  <r>
    <n v="110"/>
    <s v="Kentucky Power - Distr"/>
    <s v="Distribution Mass Property - KY : KEP : 9099"/>
    <s v="Pole, Wood"/>
    <x v="50"/>
    <n v="0"/>
  </r>
  <r>
    <n v="110"/>
    <s v="Kentucky Power - Distr"/>
    <s v="Distribution Mass Property - KY : KEP : 9099"/>
    <s v="Pole, Wood"/>
    <x v="51"/>
    <n v="-33"/>
  </r>
  <r>
    <n v="110"/>
    <s v="Kentucky Power - Distr"/>
    <s v="Distribution Mass Property - KY : KEP : 9099"/>
    <s v="Pole, Wood"/>
    <x v="51"/>
    <n v="0"/>
  </r>
  <r>
    <n v="110"/>
    <s v="Kentucky Power - Distr"/>
    <s v="Distribution Mass Property - KY : KEP : 9099"/>
    <s v="Pole, Wood"/>
    <x v="51"/>
    <n v="3037"/>
  </r>
  <r>
    <n v="110"/>
    <s v="Kentucky Power - Distr"/>
    <s v="Distribution Mass Property - KY : KEP : 9099"/>
    <s v="Pole, Wood"/>
    <x v="52"/>
    <n v="-9"/>
  </r>
  <r>
    <n v="110"/>
    <s v="Kentucky Power - Distr"/>
    <s v="Distribution Mass Property - KY : KEP : 9099"/>
    <s v="Pole, Wood"/>
    <x v="52"/>
    <n v="0"/>
  </r>
  <r>
    <n v="110"/>
    <s v="Kentucky Power - Distr"/>
    <s v="Distribution Mass Property - KY : KEP : 9099"/>
    <s v="Pole, Wood"/>
    <x v="52"/>
    <n v="2976"/>
  </r>
  <r>
    <n v="110"/>
    <s v="Kentucky Power - Distr"/>
    <s v="Distribution Mass Property - KY : KEP : 9099"/>
    <s v="Pole, Wood"/>
    <x v="53"/>
    <n v="-12"/>
  </r>
  <r>
    <n v="110"/>
    <s v="Kentucky Power - Distr"/>
    <s v="Distribution Mass Property - KY : KEP : 9099"/>
    <s v="Pole, Wood"/>
    <x v="53"/>
    <n v="0"/>
  </r>
  <r>
    <n v="110"/>
    <s v="Kentucky Power - Distr"/>
    <s v="Distribution Mass Property - KY : KEP : 9099"/>
    <s v="Pole, Wood"/>
    <x v="53"/>
    <n v="0"/>
  </r>
  <r>
    <n v="110"/>
    <s v="Kentucky Power - Distr"/>
    <s v="Distribution Mass Property - KY : KEP : 9099"/>
    <s v="Pole, Wood"/>
    <x v="53"/>
    <n v="3049"/>
  </r>
  <r>
    <n v="110"/>
    <s v="Kentucky Power - Distr"/>
    <s v="Distribution Mass Property - KY : KEP : 9099"/>
    <s v="Pole, Wood"/>
    <x v="54"/>
    <n v="0"/>
  </r>
  <r>
    <n v="110"/>
    <s v="Kentucky Power - Distr"/>
    <s v="Distribution Mass Property - KY : KEP : 9099"/>
    <s v="Pole, Wood"/>
    <x v="54"/>
    <n v="3149"/>
  </r>
  <r>
    <n v="110"/>
    <s v="Kentucky Power - Distr"/>
    <s v="Distribution Mass Property - KY : KEP : 9099"/>
    <s v="Pole, Wood"/>
    <x v="54"/>
    <n v="-4"/>
  </r>
  <r>
    <n v="110"/>
    <s v="Kentucky Power - Distr"/>
    <s v="Distribution Mass Property - KY : KEP : 9099"/>
    <s v="Pole, Wood"/>
    <x v="54"/>
    <n v="0"/>
  </r>
  <r>
    <n v="110"/>
    <s v="Kentucky Power - Distr"/>
    <s v="Distribution Mass Property - KY : KEP : 9099"/>
    <s v="Pole, Wood"/>
    <x v="55"/>
    <n v="0"/>
  </r>
  <r>
    <n v="110"/>
    <s v="Kentucky Power - Distr"/>
    <s v="Distribution Mass Property - KY : KEP : 9099"/>
    <s v="Pole, Wood"/>
    <x v="55"/>
    <n v="0"/>
  </r>
  <r>
    <n v="110"/>
    <s v="Kentucky Power - Distr"/>
    <s v="Distribution Mass Property - KY : KEP : 9099"/>
    <s v="Pole, Wood"/>
    <x v="55"/>
    <n v="-1"/>
  </r>
  <r>
    <n v="110"/>
    <s v="Kentucky Power - Distr"/>
    <s v="Distribution Mass Property - KY : KEP : 9099"/>
    <s v="Pole, Wood"/>
    <x v="55"/>
    <n v="2794"/>
  </r>
  <r>
    <n v="110"/>
    <s v="Kentucky Power - Distr"/>
    <s v="Distribution Mass Property - KY : KEP : 9099"/>
    <s v="Pole, Wood"/>
    <x v="56"/>
    <n v="3525"/>
  </r>
  <r>
    <n v="110"/>
    <s v="Kentucky Power - Distr"/>
    <s v="Distribution Mass Property - KY : KEP : 9099"/>
    <s v="Pole, Wood"/>
    <x v="56"/>
    <n v="0"/>
  </r>
  <r>
    <n v="110"/>
    <s v="Kentucky Power - Distr"/>
    <s v="Distribution Mass Property - KY : KEP : 9099"/>
    <s v="Pole, Wood"/>
    <x v="56"/>
    <n v="0"/>
  </r>
  <r>
    <n v="110"/>
    <s v="Kentucky Power - Distr"/>
    <s v="Distribution Mass Property - KY : KEP : 9099"/>
    <s v="Pole, Wood"/>
    <x v="57"/>
    <n v="3296"/>
  </r>
  <r>
    <n v="110"/>
    <s v="Kentucky Power - Distr"/>
    <s v="Distribution Mass Property - KY : KEP : 9099"/>
    <s v="Pole, Wood"/>
    <x v="57"/>
    <n v="0"/>
  </r>
  <r>
    <n v="110"/>
    <s v="Kentucky Power - Distr"/>
    <s v="Distribution Mass Property - KY : KEP : 9099"/>
    <s v="Pole, Wood"/>
    <x v="57"/>
    <n v="0"/>
  </r>
  <r>
    <n v="110"/>
    <s v="Kentucky Power - Distr"/>
    <s v="Distribution Mass Property - KY : KEP : 9099"/>
    <s v="Pole, Wood"/>
    <x v="58"/>
    <n v="0"/>
  </r>
  <r>
    <n v="110"/>
    <s v="Kentucky Power - Distr"/>
    <s v="Distribution Mass Property - KY : KEP : 9099"/>
    <s v="Pole, Wood"/>
    <x v="58"/>
    <n v="3116"/>
  </r>
  <r>
    <n v="110"/>
    <s v="Kentucky Power - Distr"/>
    <s v="Distribution Mass Property - KY : KEP : 9099"/>
    <s v="Pole, Wood"/>
    <x v="58"/>
    <n v="0"/>
  </r>
  <r>
    <n v="110"/>
    <s v="Kentucky Power - Distr"/>
    <s v="Distribution Mass Property - KY : KEP : 9099"/>
    <s v="Pole, Wood"/>
    <x v="58"/>
    <n v="0"/>
  </r>
  <r>
    <n v="110"/>
    <s v="Kentucky Power - Distr"/>
    <s v="Distribution Mass Property - KY : KEP : 9099"/>
    <s v="Pole, Wood"/>
    <x v="59"/>
    <n v="0"/>
  </r>
  <r>
    <n v="110"/>
    <s v="Kentucky Power - Distr"/>
    <s v="Distribution Mass Property - KY : KEP : 9099"/>
    <s v="Pole, Wood"/>
    <x v="59"/>
    <n v="1196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2" cacheId="0" applyNumberFormats="0" applyBorderFormats="0" applyFontFormats="0" applyPatternFormats="0" applyAlignmentFormats="0" applyWidthHeightFormats="1" dataCaption="Values" updatedVersion="7" minRefreshableVersion="3" useAutoFormatting="1" itemPrintTitles="1" createdVersion="7" indent="0" outline="1" outlineData="1" multipleFieldFilters="0">
  <location ref="A3:B64" firstHeaderRow="1" firstDataRow="1" firstDataCol="1"/>
  <pivotFields count="6">
    <pivotField showAll="0"/>
    <pivotField showAll="0"/>
    <pivotField showAll="0"/>
    <pivotField showAll="0"/>
    <pivotField axis="axisRow" showAll="0">
      <items count="61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x="24"/>
        <item x="25"/>
        <item x="26"/>
        <item x="27"/>
        <item x="28"/>
        <item x="29"/>
        <item x="30"/>
        <item x="31"/>
        <item x="32"/>
        <item x="33"/>
        <item x="34"/>
        <item x="35"/>
        <item x="36"/>
        <item x="37"/>
        <item x="38"/>
        <item x="39"/>
        <item x="40"/>
        <item x="41"/>
        <item x="42"/>
        <item x="43"/>
        <item x="44"/>
        <item x="45"/>
        <item x="46"/>
        <item x="47"/>
        <item x="48"/>
        <item x="49"/>
        <item x="50"/>
        <item x="51"/>
        <item x="52"/>
        <item x="53"/>
        <item x="54"/>
        <item x="55"/>
        <item x="56"/>
        <item x="57"/>
        <item x="58"/>
        <item x="59"/>
        <item t="default"/>
      </items>
    </pivotField>
    <pivotField dataField="1" numFmtId="37" showAll="0"/>
  </pivotFields>
  <rowFields count="1">
    <field x="4"/>
  </rowFields>
  <rowItems count="61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>
      <x v="10"/>
    </i>
    <i>
      <x v="11"/>
    </i>
    <i>
      <x v="12"/>
    </i>
    <i>
      <x v="13"/>
    </i>
    <i>
      <x v="14"/>
    </i>
    <i>
      <x v="15"/>
    </i>
    <i>
      <x v="16"/>
    </i>
    <i>
      <x v="17"/>
    </i>
    <i>
      <x v="18"/>
    </i>
    <i>
      <x v="19"/>
    </i>
    <i>
      <x v="20"/>
    </i>
    <i>
      <x v="21"/>
    </i>
    <i>
      <x v="22"/>
    </i>
    <i>
      <x v="23"/>
    </i>
    <i>
      <x v="24"/>
    </i>
    <i>
      <x v="25"/>
    </i>
    <i>
      <x v="26"/>
    </i>
    <i>
      <x v="27"/>
    </i>
    <i>
      <x v="28"/>
    </i>
    <i>
      <x v="29"/>
    </i>
    <i>
      <x v="30"/>
    </i>
    <i>
      <x v="31"/>
    </i>
    <i>
      <x v="32"/>
    </i>
    <i>
      <x v="33"/>
    </i>
    <i>
      <x v="34"/>
    </i>
    <i>
      <x v="35"/>
    </i>
    <i>
      <x v="36"/>
    </i>
    <i>
      <x v="37"/>
    </i>
    <i>
      <x v="38"/>
    </i>
    <i>
      <x v="39"/>
    </i>
    <i>
      <x v="40"/>
    </i>
    <i>
      <x v="41"/>
    </i>
    <i>
      <x v="42"/>
    </i>
    <i>
      <x v="43"/>
    </i>
    <i>
      <x v="44"/>
    </i>
    <i>
      <x v="45"/>
    </i>
    <i>
      <x v="46"/>
    </i>
    <i>
      <x v="47"/>
    </i>
    <i>
      <x v="48"/>
    </i>
    <i>
      <x v="49"/>
    </i>
    <i>
      <x v="50"/>
    </i>
    <i>
      <x v="51"/>
    </i>
    <i>
      <x v="52"/>
    </i>
    <i>
      <x v="53"/>
    </i>
    <i>
      <x v="54"/>
    </i>
    <i>
      <x v="55"/>
    </i>
    <i>
      <x v="56"/>
    </i>
    <i>
      <x v="57"/>
    </i>
    <i>
      <x v="58"/>
    </i>
    <i>
      <x v="59"/>
    </i>
    <i t="grand">
      <x/>
    </i>
  </rowItems>
  <colItems count="1">
    <i/>
  </colItems>
  <dataFields count="1">
    <dataField name="Sum of activity_quantity" fld="5" baseField="0" baseItem="0"/>
  </dataField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526"/>
  <sheetViews>
    <sheetView tabSelected="1" topLeftCell="A28" workbookViewId="0">
      <selection activeCell="I11" sqref="I11"/>
    </sheetView>
  </sheetViews>
  <sheetFormatPr defaultRowHeight="15" x14ac:dyDescent="0.25"/>
  <cols>
    <col min="1" max="1" width="6" customWidth="1"/>
    <col min="2" max="2" width="21.42578125" bestFit="1" customWidth="1"/>
    <col min="3" max="3" width="39.42578125" bestFit="1" customWidth="1"/>
    <col min="4" max="4" width="29.28515625" customWidth="1"/>
    <col min="5" max="5" width="7.5703125" bestFit="1" customWidth="1"/>
    <col min="6" max="6" width="16" bestFit="1" customWidth="1"/>
  </cols>
  <sheetData>
    <row r="1" spans="1:6" ht="15.75" x14ac:dyDescent="0.25">
      <c r="A1" s="6" t="s">
        <v>0</v>
      </c>
      <c r="B1" s="7" t="s">
        <v>1</v>
      </c>
      <c r="C1" s="7" t="s">
        <v>2</v>
      </c>
      <c r="D1" s="7" t="s">
        <v>3</v>
      </c>
      <c r="E1" s="7" t="s">
        <v>4</v>
      </c>
      <c r="F1" s="8" t="s">
        <v>5</v>
      </c>
    </row>
    <row r="2" spans="1:6" x14ac:dyDescent="0.25">
      <c r="A2">
        <v>110</v>
      </c>
      <c r="B2" t="s">
        <v>6</v>
      </c>
      <c r="C2" t="s">
        <v>7</v>
      </c>
      <c r="D2" t="s">
        <v>8</v>
      </c>
      <c r="E2" t="s">
        <v>9</v>
      </c>
      <c r="F2" s="1">
        <v>10</v>
      </c>
    </row>
    <row r="3" spans="1:6" x14ac:dyDescent="0.25">
      <c r="A3">
        <v>110</v>
      </c>
      <c r="B3" t="s">
        <v>6</v>
      </c>
      <c r="C3" t="s">
        <v>7</v>
      </c>
      <c r="D3" t="s">
        <v>8</v>
      </c>
      <c r="E3" t="s">
        <v>10</v>
      </c>
      <c r="F3" s="1">
        <v>-1</v>
      </c>
    </row>
    <row r="4" spans="1:6" x14ac:dyDescent="0.25">
      <c r="A4">
        <v>110</v>
      </c>
      <c r="B4" t="s">
        <v>6</v>
      </c>
      <c r="C4" t="s">
        <v>7</v>
      </c>
      <c r="D4" t="s">
        <v>8</v>
      </c>
      <c r="E4" t="s">
        <v>10</v>
      </c>
      <c r="F4" s="1">
        <v>4</v>
      </c>
    </row>
    <row r="5" spans="1:6" x14ac:dyDescent="0.25">
      <c r="A5">
        <v>110</v>
      </c>
      <c r="B5" t="s">
        <v>6</v>
      </c>
      <c r="C5" t="s">
        <v>7</v>
      </c>
      <c r="D5" t="s">
        <v>8</v>
      </c>
      <c r="E5" t="s">
        <v>10</v>
      </c>
      <c r="F5" s="1">
        <v>1</v>
      </c>
    </row>
    <row r="6" spans="1:6" x14ac:dyDescent="0.25">
      <c r="A6">
        <v>110</v>
      </c>
      <c r="B6" t="s">
        <v>6</v>
      </c>
      <c r="C6" t="s">
        <v>7</v>
      </c>
      <c r="D6" t="s">
        <v>8</v>
      </c>
      <c r="E6" t="s">
        <v>10</v>
      </c>
      <c r="F6" s="1">
        <v>-1</v>
      </c>
    </row>
    <row r="7" spans="1:6" x14ac:dyDescent="0.25">
      <c r="A7">
        <v>110</v>
      </c>
      <c r="B7" t="s">
        <v>6</v>
      </c>
      <c r="C7" t="s">
        <v>7</v>
      </c>
      <c r="D7" t="s">
        <v>8</v>
      </c>
      <c r="E7" t="s">
        <v>11</v>
      </c>
      <c r="F7" s="1">
        <v>10</v>
      </c>
    </row>
    <row r="8" spans="1:6" x14ac:dyDescent="0.25">
      <c r="A8">
        <v>110</v>
      </c>
      <c r="B8" t="s">
        <v>6</v>
      </c>
      <c r="C8" t="s">
        <v>7</v>
      </c>
      <c r="D8" t="s">
        <v>8</v>
      </c>
      <c r="E8" t="s">
        <v>11</v>
      </c>
      <c r="F8" s="1">
        <v>3</v>
      </c>
    </row>
    <row r="9" spans="1:6" x14ac:dyDescent="0.25">
      <c r="A9">
        <v>110</v>
      </c>
      <c r="B9" t="s">
        <v>6</v>
      </c>
      <c r="C9" t="s">
        <v>7</v>
      </c>
      <c r="D9" t="s">
        <v>8</v>
      </c>
      <c r="E9" t="s">
        <v>11</v>
      </c>
      <c r="F9" s="1">
        <v>-3</v>
      </c>
    </row>
    <row r="10" spans="1:6" x14ac:dyDescent="0.25">
      <c r="A10">
        <v>110</v>
      </c>
      <c r="B10" t="s">
        <v>6</v>
      </c>
      <c r="C10" t="s">
        <v>7</v>
      </c>
      <c r="D10" t="s">
        <v>8</v>
      </c>
      <c r="E10" t="s">
        <v>12</v>
      </c>
      <c r="F10" s="1">
        <v>-1</v>
      </c>
    </row>
    <row r="11" spans="1:6" x14ac:dyDescent="0.25">
      <c r="A11">
        <v>110</v>
      </c>
      <c r="B11" t="s">
        <v>6</v>
      </c>
      <c r="C11" t="s">
        <v>7</v>
      </c>
      <c r="D11" t="s">
        <v>8</v>
      </c>
      <c r="E11" t="s">
        <v>12</v>
      </c>
      <c r="F11" s="1">
        <v>22</v>
      </c>
    </row>
    <row r="12" spans="1:6" x14ac:dyDescent="0.25">
      <c r="A12">
        <v>110</v>
      </c>
      <c r="B12" t="s">
        <v>6</v>
      </c>
      <c r="C12" t="s">
        <v>7</v>
      </c>
      <c r="D12" t="s">
        <v>8</v>
      </c>
      <c r="E12" t="s">
        <v>12</v>
      </c>
      <c r="F12" s="1">
        <v>-6</v>
      </c>
    </row>
    <row r="13" spans="1:6" x14ac:dyDescent="0.25">
      <c r="A13">
        <v>110</v>
      </c>
      <c r="B13" t="s">
        <v>6</v>
      </c>
      <c r="C13" t="s">
        <v>7</v>
      </c>
      <c r="D13" t="s">
        <v>8</v>
      </c>
      <c r="E13" t="s">
        <v>12</v>
      </c>
      <c r="F13" s="1">
        <v>6</v>
      </c>
    </row>
    <row r="14" spans="1:6" x14ac:dyDescent="0.25">
      <c r="A14">
        <v>110</v>
      </c>
      <c r="B14" t="s">
        <v>6</v>
      </c>
      <c r="C14" t="s">
        <v>7</v>
      </c>
      <c r="D14" t="s">
        <v>8</v>
      </c>
      <c r="E14" t="s">
        <v>13</v>
      </c>
      <c r="F14" s="1">
        <v>36</v>
      </c>
    </row>
    <row r="15" spans="1:6" x14ac:dyDescent="0.25">
      <c r="A15">
        <v>110</v>
      </c>
      <c r="B15" t="s">
        <v>6</v>
      </c>
      <c r="C15" t="s">
        <v>7</v>
      </c>
      <c r="D15" t="s">
        <v>8</v>
      </c>
      <c r="E15" t="s">
        <v>13</v>
      </c>
      <c r="F15" s="1">
        <v>-1</v>
      </c>
    </row>
    <row r="16" spans="1:6" x14ac:dyDescent="0.25">
      <c r="A16">
        <v>110</v>
      </c>
      <c r="B16" t="s">
        <v>6</v>
      </c>
      <c r="C16" t="s">
        <v>7</v>
      </c>
      <c r="D16" t="s">
        <v>8</v>
      </c>
      <c r="E16" t="s">
        <v>13</v>
      </c>
      <c r="F16" s="1">
        <v>-10</v>
      </c>
    </row>
    <row r="17" spans="1:6" x14ac:dyDescent="0.25">
      <c r="A17">
        <v>110</v>
      </c>
      <c r="B17" t="s">
        <v>6</v>
      </c>
      <c r="C17" t="s">
        <v>7</v>
      </c>
      <c r="D17" t="s">
        <v>8</v>
      </c>
      <c r="E17" t="s">
        <v>13</v>
      </c>
      <c r="F17" s="1">
        <v>10</v>
      </c>
    </row>
    <row r="18" spans="1:6" x14ac:dyDescent="0.25">
      <c r="A18">
        <v>110</v>
      </c>
      <c r="B18" t="s">
        <v>6</v>
      </c>
      <c r="C18" t="s">
        <v>7</v>
      </c>
      <c r="D18" t="s">
        <v>8</v>
      </c>
      <c r="E18" t="s">
        <v>13</v>
      </c>
      <c r="F18" s="1">
        <v>1</v>
      </c>
    </row>
    <row r="19" spans="1:6" x14ac:dyDescent="0.25">
      <c r="A19">
        <v>110</v>
      </c>
      <c r="B19" t="s">
        <v>6</v>
      </c>
      <c r="C19" t="s">
        <v>7</v>
      </c>
      <c r="D19" t="s">
        <v>8</v>
      </c>
      <c r="E19" t="s">
        <v>13</v>
      </c>
      <c r="F19" s="1">
        <v>-1</v>
      </c>
    </row>
    <row r="20" spans="1:6" x14ac:dyDescent="0.25">
      <c r="A20">
        <v>110</v>
      </c>
      <c r="B20" t="s">
        <v>6</v>
      </c>
      <c r="C20" t="s">
        <v>7</v>
      </c>
      <c r="D20" t="s">
        <v>8</v>
      </c>
      <c r="E20" t="s">
        <v>14</v>
      </c>
      <c r="F20" s="1">
        <v>66</v>
      </c>
    </row>
    <row r="21" spans="1:6" x14ac:dyDescent="0.25">
      <c r="A21">
        <v>110</v>
      </c>
      <c r="B21" t="s">
        <v>6</v>
      </c>
      <c r="C21" t="s">
        <v>7</v>
      </c>
      <c r="D21" t="s">
        <v>8</v>
      </c>
      <c r="E21" t="s">
        <v>14</v>
      </c>
      <c r="F21" s="1">
        <v>-3</v>
      </c>
    </row>
    <row r="22" spans="1:6" x14ac:dyDescent="0.25">
      <c r="A22">
        <v>110</v>
      </c>
      <c r="B22" t="s">
        <v>6</v>
      </c>
      <c r="C22" t="s">
        <v>7</v>
      </c>
      <c r="D22" t="s">
        <v>8</v>
      </c>
      <c r="E22" t="s">
        <v>14</v>
      </c>
      <c r="F22" s="1">
        <v>-19</v>
      </c>
    </row>
    <row r="23" spans="1:6" x14ac:dyDescent="0.25">
      <c r="A23">
        <v>110</v>
      </c>
      <c r="B23" t="s">
        <v>6</v>
      </c>
      <c r="C23" t="s">
        <v>7</v>
      </c>
      <c r="D23" t="s">
        <v>8</v>
      </c>
      <c r="E23" t="s">
        <v>14</v>
      </c>
      <c r="F23" s="1">
        <v>19</v>
      </c>
    </row>
    <row r="24" spans="1:6" x14ac:dyDescent="0.25">
      <c r="A24">
        <v>110</v>
      </c>
      <c r="B24" t="s">
        <v>6</v>
      </c>
      <c r="C24" t="s">
        <v>7</v>
      </c>
      <c r="D24" t="s">
        <v>8</v>
      </c>
      <c r="E24" t="s">
        <v>14</v>
      </c>
      <c r="F24" s="1">
        <v>1</v>
      </c>
    </row>
    <row r="25" spans="1:6" x14ac:dyDescent="0.25">
      <c r="A25">
        <v>110</v>
      </c>
      <c r="B25" t="s">
        <v>6</v>
      </c>
      <c r="C25" t="s">
        <v>7</v>
      </c>
      <c r="D25" t="s">
        <v>8</v>
      </c>
      <c r="E25" t="s">
        <v>14</v>
      </c>
      <c r="F25" s="1">
        <v>-1</v>
      </c>
    </row>
    <row r="26" spans="1:6" x14ac:dyDescent="0.25">
      <c r="A26">
        <v>110</v>
      </c>
      <c r="B26" t="s">
        <v>6</v>
      </c>
      <c r="C26" t="s">
        <v>7</v>
      </c>
      <c r="D26" t="s">
        <v>8</v>
      </c>
      <c r="E26" t="s">
        <v>15</v>
      </c>
      <c r="F26" s="1">
        <v>102</v>
      </c>
    </row>
    <row r="27" spans="1:6" x14ac:dyDescent="0.25">
      <c r="A27">
        <v>110</v>
      </c>
      <c r="B27" t="s">
        <v>6</v>
      </c>
      <c r="C27" t="s">
        <v>7</v>
      </c>
      <c r="D27" t="s">
        <v>8</v>
      </c>
      <c r="E27" t="s">
        <v>15</v>
      </c>
      <c r="F27" s="1">
        <v>-3</v>
      </c>
    </row>
    <row r="28" spans="1:6" x14ac:dyDescent="0.25">
      <c r="A28">
        <v>110</v>
      </c>
      <c r="B28" t="s">
        <v>6</v>
      </c>
      <c r="C28" t="s">
        <v>7</v>
      </c>
      <c r="D28" t="s">
        <v>8</v>
      </c>
      <c r="E28" t="s">
        <v>15</v>
      </c>
      <c r="F28" s="1">
        <v>29</v>
      </c>
    </row>
    <row r="29" spans="1:6" x14ac:dyDescent="0.25">
      <c r="A29">
        <v>110</v>
      </c>
      <c r="B29" t="s">
        <v>6</v>
      </c>
      <c r="C29" t="s">
        <v>7</v>
      </c>
      <c r="D29" t="s">
        <v>8</v>
      </c>
      <c r="E29" t="s">
        <v>15</v>
      </c>
      <c r="F29" s="1">
        <v>-29</v>
      </c>
    </row>
    <row r="30" spans="1:6" x14ac:dyDescent="0.25">
      <c r="A30">
        <v>110</v>
      </c>
      <c r="B30" t="s">
        <v>6</v>
      </c>
      <c r="C30" t="s">
        <v>7</v>
      </c>
      <c r="D30" t="s">
        <v>8</v>
      </c>
      <c r="E30" t="s">
        <v>15</v>
      </c>
      <c r="F30" s="1">
        <v>-2</v>
      </c>
    </row>
    <row r="31" spans="1:6" x14ac:dyDescent="0.25">
      <c r="A31">
        <v>110</v>
      </c>
      <c r="B31" t="s">
        <v>6</v>
      </c>
      <c r="C31" t="s">
        <v>7</v>
      </c>
      <c r="D31" t="s">
        <v>8</v>
      </c>
      <c r="E31" t="s">
        <v>15</v>
      </c>
      <c r="F31" s="1">
        <v>2</v>
      </c>
    </row>
    <row r="32" spans="1:6" x14ac:dyDescent="0.25">
      <c r="A32">
        <v>110</v>
      </c>
      <c r="B32" t="s">
        <v>6</v>
      </c>
      <c r="C32" t="s">
        <v>7</v>
      </c>
      <c r="D32" t="s">
        <v>8</v>
      </c>
      <c r="E32" t="s">
        <v>16</v>
      </c>
      <c r="F32" s="1">
        <v>-5</v>
      </c>
    </row>
    <row r="33" spans="1:6" x14ac:dyDescent="0.25">
      <c r="A33">
        <v>110</v>
      </c>
      <c r="B33" t="s">
        <v>6</v>
      </c>
      <c r="C33" t="s">
        <v>7</v>
      </c>
      <c r="D33" t="s">
        <v>8</v>
      </c>
      <c r="E33" t="s">
        <v>16</v>
      </c>
      <c r="F33" s="1">
        <v>4</v>
      </c>
    </row>
    <row r="34" spans="1:6" x14ac:dyDescent="0.25">
      <c r="A34">
        <v>110</v>
      </c>
      <c r="B34" t="s">
        <v>6</v>
      </c>
      <c r="C34" t="s">
        <v>7</v>
      </c>
      <c r="D34" t="s">
        <v>8</v>
      </c>
      <c r="E34" t="s">
        <v>16</v>
      </c>
      <c r="F34" s="1">
        <v>139</v>
      </c>
    </row>
    <row r="35" spans="1:6" x14ac:dyDescent="0.25">
      <c r="A35">
        <v>110</v>
      </c>
      <c r="B35" t="s">
        <v>6</v>
      </c>
      <c r="C35" t="s">
        <v>7</v>
      </c>
      <c r="D35" t="s">
        <v>8</v>
      </c>
      <c r="E35" t="s">
        <v>16</v>
      </c>
      <c r="F35" s="1">
        <v>40</v>
      </c>
    </row>
    <row r="36" spans="1:6" x14ac:dyDescent="0.25">
      <c r="A36">
        <v>110</v>
      </c>
      <c r="B36" t="s">
        <v>6</v>
      </c>
      <c r="C36" t="s">
        <v>7</v>
      </c>
      <c r="D36" t="s">
        <v>8</v>
      </c>
      <c r="E36" t="s">
        <v>16</v>
      </c>
      <c r="F36" s="1">
        <v>-40</v>
      </c>
    </row>
    <row r="37" spans="1:6" x14ac:dyDescent="0.25">
      <c r="A37">
        <v>110</v>
      </c>
      <c r="B37" t="s">
        <v>6</v>
      </c>
      <c r="C37" t="s">
        <v>7</v>
      </c>
      <c r="D37" t="s">
        <v>8</v>
      </c>
      <c r="E37" t="s">
        <v>16</v>
      </c>
      <c r="F37" s="1">
        <v>-2</v>
      </c>
    </row>
    <row r="38" spans="1:6" x14ac:dyDescent="0.25">
      <c r="A38">
        <v>110</v>
      </c>
      <c r="B38" t="s">
        <v>6</v>
      </c>
      <c r="C38" t="s">
        <v>7</v>
      </c>
      <c r="D38" t="s">
        <v>8</v>
      </c>
      <c r="E38" t="s">
        <v>16</v>
      </c>
      <c r="F38" s="1">
        <v>2</v>
      </c>
    </row>
    <row r="39" spans="1:6" x14ac:dyDescent="0.25">
      <c r="A39">
        <v>110</v>
      </c>
      <c r="B39" t="s">
        <v>6</v>
      </c>
      <c r="C39" t="s">
        <v>7</v>
      </c>
      <c r="D39" t="s">
        <v>8</v>
      </c>
      <c r="E39" t="s">
        <v>17</v>
      </c>
      <c r="F39" s="1">
        <v>-7</v>
      </c>
    </row>
    <row r="40" spans="1:6" x14ac:dyDescent="0.25">
      <c r="A40">
        <v>110</v>
      </c>
      <c r="B40" t="s">
        <v>6</v>
      </c>
      <c r="C40" t="s">
        <v>7</v>
      </c>
      <c r="D40" t="s">
        <v>8</v>
      </c>
      <c r="E40" t="s">
        <v>17</v>
      </c>
      <c r="F40" s="1">
        <v>202</v>
      </c>
    </row>
    <row r="41" spans="1:6" x14ac:dyDescent="0.25">
      <c r="A41">
        <v>110</v>
      </c>
      <c r="B41" t="s">
        <v>6</v>
      </c>
      <c r="C41" t="s">
        <v>7</v>
      </c>
      <c r="D41" t="s">
        <v>8</v>
      </c>
      <c r="E41" t="s">
        <v>17</v>
      </c>
      <c r="F41" s="1">
        <v>-57</v>
      </c>
    </row>
    <row r="42" spans="1:6" x14ac:dyDescent="0.25">
      <c r="A42">
        <v>110</v>
      </c>
      <c r="B42" t="s">
        <v>6</v>
      </c>
      <c r="C42" t="s">
        <v>7</v>
      </c>
      <c r="D42" t="s">
        <v>8</v>
      </c>
      <c r="E42" t="s">
        <v>17</v>
      </c>
      <c r="F42" s="1">
        <v>57</v>
      </c>
    </row>
    <row r="43" spans="1:6" x14ac:dyDescent="0.25">
      <c r="A43">
        <v>110</v>
      </c>
      <c r="B43" t="s">
        <v>6</v>
      </c>
      <c r="C43" t="s">
        <v>7</v>
      </c>
      <c r="D43" t="s">
        <v>8</v>
      </c>
      <c r="E43" t="s">
        <v>17</v>
      </c>
      <c r="F43" s="1">
        <v>-4</v>
      </c>
    </row>
    <row r="44" spans="1:6" x14ac:dyDescent="0.25">
      <c r="A44">
        <v>110</v>
      </c>
      <c r="B44" t="s">
        <v>6</v>
      </c>
      <c r="C44" t="s">
        <v>7</v>
      </c>
      <c r="D44" t="s">
        <v>8</v>
      </c>
      <c r="E44" t="s">
        <v>17</v>
      </c>
      <c r="F44" s="1">
        <v>4</v>
      </c>
    </row>
    <row r="45" spans="1:6" x14ac:dyDescent="0.25">
      <c r="A45">
        <v>110</v>
      </c>
      <c r="B45" t="s">
        <v>6</v>
      </c>
      <c r="C45" t="s">
        <v>7</v>
      </c>
      <c r="D45" t="s">
        <v>8</v>
      </c>
      <c r="E45" t="s">
        <v>18</v>
      </c>
      <c r="F45" s="1">
        <v>-8</v>
      </c>
    </row>
    <row r="46" spans="1:6" x14ac:dyDescent="0.25">
      <c r="A46">
        <v>110</v>
      </c>
      <c r="B46" t="s">
        <v>6</v>
      </c>
      <c r="C46" t="s">
        <v>7</v>
      </c>
      <c r="D46" t="s">
        <v>8</v>
      </c>
      <c r="E46" t="s">
        <v>18</v>
      </c>
      <c r="F46" s="1">
        <v>264</v>
      </c>
    </row>
    <row r="47" spans="1:6" x14ac:dyDescent="0.25">
      <c r="A47">
        <v>110</v>
      </c>
      <c r="B47" t="s">
        <v>6</v>
      </c>
      <c r="C47" t="s">
        <v>7</v>
      </c>
      <c r="D47" t="s">
        <v>8</v>
      </c>
      <c r="E47" t="s">
        <v>18</v>
      </c>
      <c r="F47" s="1">
        <v>74</v>
      </c>
    </row>
    <row r="48" spans="1:6" x14ac:dyDescent="0.25">
      <c r="A48">
        <v>110</v>
      </c>
      <c r="B48" t="s">
        <v>6</v>
      </c>
      <c r="C48" t="s">
        <v>7</v>
      </c>
      <c r="D48" t="s">
        <v>8</v>
      </c>
      <c r="E48" t="s">
        <v>18</v>
      </c>
      <c r="F48" s="1">
        <v>-74</v>
      </c>
    </row>
    <row r="49" spans="1:6" x14ac:dyDescent="0.25">
      <c r="A49">
        <v>110</v>
      </c>
      <c r="B49" t="s">
        <v>6</v>
      </c>
      <c r="C49" t="s">
        <v>7</v>
      </c>
      <c r="D49" t="s">
        <v>8</v>
      </c>
      <c r="E49" t="s">
        <v>18</v>
      </c>
      <c r="F49" s="1">
        <v>-5</v>
      </c>
    </row>
    <row r="50" spans="1:6" x14ac:dyDescent="0.25">
      <c r="A50">
        <v>110</v>
      </c>
      <c r="B50" t="s">
        <v>6</v>
      </c>
      <c r="C50" t="s">
        <v>7</v>
      </c>
      <c r="D50" t="s">
        <v>8</v>
      </c>
      <c r="E50" t="s">
        <v>18</v>
      </c>
      <c r="F50" s="1">
        <v>5</v>
      </c>
    </row>
    <row r="51" spans="1:6" x14ac:dyDescent="0.25">
      <c r="A51">
        <v>110</v>
      </c>
      <c r="B51" t="s">
        <v>6</v>
      </c>
      <c r="C51" t="s">
        <v>7</v>
      </c>
      <c r="D51" t="s">
        <v>8</v>
      </c>
      <c r="E51" t="s">
        <v>19</v>
      </c>
      <c r="F51" s="1">
        <v>-15</v>
      </c>
    </row>
    <row r="52" spans="1:6" x14ac:dyDescent="0.25">
      <c r="A52">
        <v>110</v>
      </c>
      <c r="B52" t="s">
        <v>6</v>
      </c>
      <c r="C52" t="s">
        <v>7</v>
      </c>
      <c r="D52" t="s">
        <v>8</v>
      </c>
      <c r="E52" t="s">
        <v>19</v>
      </c>
      <c r="F52" s="1">
        <v>-3</v>
      </c>
    </row>
    <row r="53" spans="1:6" x14ac:dyDescent="0.25">
      <c r="A53">
        <v>110</v>
      </c>
      <c r="B53" t="s">
        <v>6</v>
      </c>
      <c r="C53" t="s">
        <v>7</v>
      </c>
      <c r="D53" t="s">
        <v>8</v>
      </c>
      <c r="E53" t="s">
        <v>19</v>
      </c>
      <c r="F53" s="1">
        <v>-4</v>
      </c>
    </row>
    <row r="54" spans="1:6" x14ac:dyDescent="0.25">
      <c r="A54">
        <v>110</v>
      </c>
      <c r="B54" t="s">
        <v>6</v>
      </c>
      <c r="C54" t="s">
        <v>7</v>
      </c>
      <c r="D54" t="s">
        <v>8</v>
      </c>
      <c r="E54" t="s">
        <v>19</v>
      </c>
      <c r="F54" s="1">
        <v>473</v>
      </c>
    </row>
    <row r="55" spans="1:6" x14ac:dyDescent="0.25">
      <c r="A55">
        <v>110</v>
      </c>
      <c r="B55" t="s">
        <v>6</v>
      </c>
      <c r="C55" t="s">
        <v>7</v>
      </c>
      <c r="D55" t="s">
        <v>8</v>
      </c>
      <c r="E55" t="s">
        <v>19</v>
      </c>
      <c r="F55" s="1">
        <v>6</v>
      </c>
    </row>
    <row r="56" spans="1:6" x14ac:dyDescent="0.25">
      <c r="A56">
        <v>110</v>
      </c>
      <c r="B56" t="s">
        <v>6</v>
      </c>
      <c r="C56" t="s">
        <v>7</v>
      </c>
      <c r="D56" t="s">
        <v>8</v>
      </c>
      <c r="E56" t="s">
        <v>19</v>
      </c>
      <c r="F56" s="1">
        <v>-133</v>
      </c>
    </row>
    <row r="57" spans="1:6" x14ac:dyDescent="0.25">
      <c r="A57">
        <v>110</v>
      </c>
      <c r="B57" t="s">
        <v>6</v>
      </c>
      <c r="C57" t="s">
        <v>7</v>
      </c>
      <c r="D57" t="s">
        <v>8</v>
      </c>
      <c r="E57" t="s">
        <v>19</v>
      </c>
      <c r="F57" s="1">
        <v>133</v>
      </c>
    </row>
    <row r="58" spans="1:6" x14ac:dyDescent="0.25">
      <c r="A58">
        <v>110</v>
      </c>
      <c r="B58" t="s">
        <v>6</v>
      </c>
      <c r="C58" t="s">
        <v>7</v>
      </c>
      <c r="D58" t="s">
        <v>8</v>
      </c>
      <c r="E58" t="s">
        <v>19</v>
      </c>
      <c r="F58" s="1">
        <v>-8</v>
      </c>
    </row>
    <row r="59" spans="1:6" x14ac:dyDescent="0.25">
      <c r="A59">
        <v>110</v>
      </c>
      <c r="B59" t="s">
        <v>6</v>
      </c>
      <c r="C59" t="s">
        <v>7</v>
      </c>
      <c r="D59" t="s">
        <v>8</v>
      </c>
      <c r="E59" t="s">
        <v>19</v>
      </c>
      <c r="F59" s="1">
        <v>8</v>
      </c>
    </row>
    <row r="60" spans="1:6" x14ac:dyDescent="0.25">
      <c r="A60">
        <v>110</v>
      </c>
      <c r="B60" t="s">
        <v>6</v>
      </c>
      <c r="C60" t="s">
        <v>7</v>
      </c>
      <c r="D60" t="s">
        <v>8</v>
      </c>
      <c r="E60" t="s">
        <v>20</v>
      </c>
      <c r="F60" s="1">
        <v>-32</v>
      </c>
    </row>
    <row r="61" spans="1:6" x14ac:dyDescent="0.25">
      <c r="A61">
        <v>110</v>
      </c>
      <c r="B61" t="s">
        <v>6</v>
      </c>
      <c r="C61" t="s">
        <v>7</v>
      </c>
      <c r="D61" t="s">
        <v>8</v>
      </c>
      <c r="E61" t="s">
        <v>20</v>
      </c>
      <c r="F61" s="1">
        <v>0</v>
      </c>
    </row>
    <row r="62" spans="1:6" x14ac:dyDescent="0.25">
      <c r="A62">
        <v>110</v>
      </c>
      <c r="B62" t="s">
        <v>6</v>
      </c>
      <c r="C62" t="s">
        <v>7</v>
      </c>
      <c r="D62" t="s">
        <v>8</v>
      </c>
      <c r="E62" t="s">
        <v>20</v>
      </c>
      <c r="F62" s="1">
        <v>-5</v>
      </c>
    </row>
    <row r="63" spans="1:6" x14ac:dyDescent="0.25">
      <c r="A63">
        <v>110</v>
      </c>
      <c r="B63" t="s">
        <v>6</v>
      </c>
      <c r="C63" t="s">
        <v>7</v>
      </c>
      <c r="D63" t="s">
        <v>8</v>
      </c>
      <c r="E63" t="s">
        <v>20</v>
      </c>
      <c r="F63" s="1">
        <v>-22</v>
      </c>
    </row>
    <row r="64" spans="1:6" x14ac:dyDescent="0.25">
      <c r="A64">
        <v>110</v>
      </c>
      <c r="B64" t="s">
        <v>6</v>
      </c>
      <c r="C64" t="s">
        <v>7</v>
      </c>
      <c r="D64" t="s">
        <v>8</v>
      </c>
      <c r="E64" t="s">
        <v>20</v>
      </c>
      <c r="F64" s="1">
        <v>688</v>
      </c>
    </row>
    <row r="65" spans="1:6" x14ac:dyDescent="0.25">
      <c r="A65">
        <v>110</v>
      </c>
      <c r="B65" t="s">
        <v>6</v>
      </c>
      <c r="C65" t="s">
        <v>7</v>
      </c>
      <c r="D65" t="s">
        <v>8</v>
      </c>
      <c r="E65" t="s">
        <v>20</v>
      </c>
      <c r="F65" s="1">
        <v>-194</v>
      </c>
    </row>
    <row r="66" spans="1:6" x14ac:dyDescent="0.25">
      <c r="A66">
        <v>110</v>
      </c>
      <c r="B66" t="s">
        <v>6</v>
      </c>
      <c r="C66" t="s">
        <v>7</v>
      </c>
      <c r="D66" t="s">
        <v>8</v>
      </c>
      <c r="E66" t="s">
        <v>20</v>
      </c>
      <c r="F66" s="1">
        <v>195</v>
      </c>
    </row>
    <row r="67" spans="1:6" x14ac:dyDescent="0.25">
      <c r="A67">
        <v>110</v>
      </c>
      <c r="B67" t="s">
        <v>6</v>
      </c>
      <c r="C67" t="s">
        <v>7</v>
      </c>
      <c r="D67" t="s">
        <v>8</v>
      </c>
      <c r="E67" t="s">
        <v>20</v>
      </c>
      <c r="F67" s="1">
        <v>-1</v>
      </c>
    </row>
    <row r="68" spans="1:6" x14ac:dyDescent="0.25">
      <c r="A68">
        <v>110</v>
      </c>
      <c r="B68" t="s">
        <v>6</v>
      </c>
      <c r="C68" t="s">
        <v>7</v>
      </c>
      <c r="D68" t="s">
        <v>8</v>
      </c>
      <c r="E68" t="s">
        <v>20</v>
      </c>
      <c r="F68" s="1">
        <v>-12</v>
      </c>
    </row>
    <row r="69" spans="1:6" x14ac:dyDescent="0.25">
      <c r="A69">
        <v>110</v>
      </c>
      <c r="B69" t="s">
        <v>6</v>
      </c>
      <c r="C69" t="s">
        <v>7</v>
      </c>
      <c r="D69" t="s">
        <v>8</v>
      </c>
      <c r="E69" t="s">
        <v>20</v>
      </c>
      <c r="F69" s="1">
        <v>12</v>
      </c>
    </row>
    <row r="70" spans="1:6" x14ac:dyDescent="0.25">
      <c r="A70">
        <v>110</v>
      </c>
      <c r="B70" t="s">
        <v>6</v>
      </c>
      <c r="C70" t="s">
        <v>7</v>
      </c>
      <c r="D70" t="s">
        <v>8</v>
      </c>
      <c r="E70" t="s">
        <v>21</v>
      </c>
      <c r="F70" s="1">
        <v>0</v>
      </c>
    </row>
    <row r="71" spans="1:6" x14ac:dyDescent="0.25">
      <c r="A71">
        <v>110</v>
      </c>
      <c r="B71" t="s">
        <v>6</v>
      </c>
      <c r="C71" t="s">
        <v>7</v>
      </c>
      <c r="D71" t="s">
        <v>8</v>
      </c>
      <c r="E71" t="s">
        <v>21</v>
      </c>
      <c r="F71" s="1">
        <v>791</v>
      </c>
    </row>
    <row r="72" spans="1:6" x14ac:dyDescent="0.25">
      <c r="A72">
        <v>110</v>
      </c>
      <c r="B72" t="s">
        <v>6</v>
      </c>
      <c r="C72" t="s">
        <v>7</v>
      </c>
      <c r="D72" t="s">
        <v>8</v>
      </c>
      <c r="E72" t="s">
        <v>21</v>
      </c>
      <c r="F72" s="1">
        <v>-23</v>
      </c>
    </row>
    <row r="73" spans="1:6" x14ac:dyDescent="0.25">
      <c r="A73">
        <v>110</v>
      </c>
      <c r="B73" t="s">
        <v>6</v>
      </c>
      <c r="C73" t="s">
        <v>7</v>
      </c>
      <c r="D73" t="s">
        <v>8</v>
      </c>
      <c r="E73" t="s">
        <v>21</v>
      </c>
      <c r="F73" s="1">
        <v>-3</v>
      </c>
    </row>
    <row r="74" spans="1:6" x14ac:dyDescent="0.25">
      <c r="A74">
        <v>110</v>
      </c>
      <c r="B74" t="s">
        <v>6</v>
      </c>
      <c r="C74" t="s">
        <v>7</v>
      </c>
      <c r="D74" t="s">
        <v>8</v>
      </c>
      <c r="E74" t="s">
        <v>21</v>
      </c>
      <c r="F74" s="1">
        <v>-39</v>
      </c>
    </row>
    <row r="75" spans="1:6" x14ac:dyDescent="0.25">
      <c r="A75">
        <v>110</v>
      </c>
      <c r="B75" t="s">
        <v>6</v>
      </c>
      <c r="C75" t="s">
        <v>7</v>
      </c>
      <c r="D75" t="s">
        <v>8</v>
      </c>
      <c r="E75" t="s">
        <v>21</v>
      </c>
      <c r="F75" s="1">
        <v>-1</v>
      </c>
    </row>
    <row r="76" spans="1:6" x14ac:dyDescent="0.25">
      <c r="A76">
        <v>110</v>
      </c>
      <c r="B76" t="s">
        <v>6</v>
      </c>
      <c r="C76" t="s">
        <v>7</v>
      </c>
      <c r="D76" t="s">
        <v>8</v>
      </c>
      <c r="E76" t="s">
        <v>21</v>
      </c>
      <c r="F76" s="1">
        <v>-222</v>
      </c>
    </row>
    <row r="77" spans="1:6" x14ac:dyDescent="0.25">
      <c r="A77">
        <v>110</v>
      </c>
      <c r="B77" t="s">
        <v>6</v>
      </c>
      <c r="C77" t="s">
        <v>7</v>
      </c>
      <c r="D77" t="s">
        <v>8</v>
      </c>
      <c r="E77" t="s">
        <v>21</v>
      </c>
      <c r="F77" s="1">
        <v>223</v>
      </c>
    </row>
    <row r="78" spans="1:6" x14ac:dyDescent="0.25">
      <c r="A78">
        <v>110</v>
      </c>
      <c r="B78" t="s">
        <v>6</v>
      </c>
      <c r="C78" t="s">
        <v>7</v>
      </c>
      <c r="D78" t="s">
        <v>8</v>
      </c>
      <c r="E78" t="s">
        <v>21</v>
      </c>
      <c r="F78" s="1">
        <v>-14</v>
      </c>
    </row>
    <row r="79" spans="1:6" x14ac:dyDescent="0.25">
      <c r="A79">
        <v>110</v>
      </c>
      <c r="B79" t="s">
        <v>6</v>
      </c>
      <c r="C79" t="s">
        <v>7</v>
      </c>
      <c r="D79" t="s">
        <v>8</v>
      </c>
      <c r="E79" t="s">
        <v>21</v>
      </c>
      <c r="F79" s="1">
        <v>14</v>
      </c>
    </row>
    <row r="80" spans="1:6" x14ac:dyDescent="0.25">
      <c r="A80">
        <v>110</v>
      </c>
      <c r="B80" t="s">
        <v>6</v>
      </c>
      <c r="C80" t="s">
        <v>7</v>
      </c>
      <c r="D80" t="s">
        <v>8</v>
      </c>
      <c r="E80" t="s">
        <v>22</v>
      </c>
      <c r="F80" s="1">
        <v>-30</v>
      </c>
    </row>
    <row r="81" spans="1:6" x14ac:dyDescent="0.25">
      <c r="A81">
        <v>110</v>
      </c>
      <c r="B81" t="s">
        <v>6</v>
      </c>
      <c r="C81" t="s">
        <v>7</v>
      </c>
      <c r="D81" t="s">
        <v>8</v>
      </c>
      <c r="E81" t="s">
        <v>22</v>
      </c>
      <c r="F81" s="1">
        <v>-7</v>
      </c>
    </row>
    <row r="82" spans="1:6" x14ac:dyDescent="0.25">
      <c r="A82">
        <v>110</v>
      </c>
      <c r="B82" t="s">
        <v>6</v>
      </c>
      <c r="C82" t="s">
        <v>7</v>
      </c>
      <c r="D82" t="s">
        <v>8</v>
      </c>
      <c r="E82" t="s">
        <v>22</v>
      </c>
      <c r="F82" s="1">
        <v>1025</v>
      </c>
    </row>
    <row r="83" spans="1:6" x14ac:dyDescent="0.25">
      <c r="A83">
        <v>110</v>
      </c>
      <c r="B83" t="s">
        <v>6</v>
      </c>
      <c r="C83" t="s">
        <v>7</v>
      </c>
      <c r="D83" t="s">
        <v>8</v>
      </c>
      <c r="E83" t="s">
        <v>22</v>
      </c>
      <c r="F83" s="1">
        <v>-110</v>
      </c>
    </row>
    <row r="84" spans="1:6" x14ac:dyDescent="0.25">
      <c r="A84">
        <v>110</v>
      </c>
      <c r="B84" t="s">
        <v>6</v>
      </c>
      <c r="C84" t="s">
        <v>7</v>
      </c>
      <c r="D84" t="s">
        <v>8</v>
      </c>
      <c r="E84" t="s">
        <v>22</v>
      </c>
      <c r="F84" s="1">
        <v>0</v>
      </c>
    </row>
    <row r="85" spans="1:6" x14ac:dyDescent="0.25">
      <c r="A85">
        <v>110</v>
      </c>
      <c r="B85" t="s">
        <v>6</v>
      </c>
      <c r="C85" t="s">
        <v>7</v>
      </c>
      <c r="D85" t="s">
        <v>8</v>
      </c>
      <c r="E85" t="s">
        <v>22</v>
      </c>
      <c r="F85" s="1">
        <v>-287</v>
      </c>
    </row>
    <row r="86" spans="1:6" x14ac:dyDescent="0.25">
      <c r="A86">
        <v>110</v>
      </c>
      <c r="B86" t="s">
        <v>6</v>
      </c>
      <c r="C86" t="s">
        <v>7</v>
      </c>
      <c r="D86" t="s">
        <v>8</v>
      </c>
      <c r="E86" t="s">
        <v>22</v>
      </c>
      <c r="F86" s="1">
        <v>291</v>
      </c>
    </row>
    <row r="87" spans="1:6" x14ac:dyDescent="0.25">
      <c r="A87">
        <v>110</v>
      </c>
      <c r="B87" t="s">
        <v>6</v>
      </c>
      <c r="C87" t="s">
        <v>7</v>
      </c>
      <c r="D87" t="s">
        <v>8</v>
      </c>
      <c r="E87" t="s">
        <v>22</v>
      </c>
      <c r="F87" s="1">
        <v>-4</v>
      </c>
    </row>
    <row r="88" spans="1:6" x14ac:dyDescent="0.25">
      <c r="A88">
        <v>110</v>
      </c>
      <c r="B88" t="s">
        <v>6</v>
      </c>
      <c r="C88" t="s">
        <v>7</v>
      </c>
      <c r="D88" t="s">
        <v>8</v>
      </c>
      <c r="E88" t="s">
        <v>22</v>
      </c>
      <c r="F88" s="1">
        <v>18</v>
      </c>
    </row>
    <row r="89" spans="1:6" x14ac:dyDescent="0.25">
      <c r="A89">
        <v>110</v>
      </c>
      <c r="B89" t="s">
        <v>6</v>
      </c>
      <c r="C89" t="s">
        <v>7</v>
      </c>
      <c r="D89" t="s">
        <v>8</v>
      </c>
      <c r="E89" t="s">
        <v>22</v>
      </c>
      <c r="F89" s="1">
        <v>-18</v>
      </c>
    </row>
    <row r="90" spans="1:6" x14ac:dyDescent="0.25">
      <c r="A90">
        <v>110</v>
      </c>
      <c r="B90" t="s">
        <v>6</v>
      </c>
      <c r="C90" t="s">
        <v>7</v>
      </c>
      <c r="D90" t="s">
        <v>8</v>
      </c>
      <c r="E90" t="s">
        <v>23</v>
      </c>
      <c r="F90" s="1">
        <v>-49</v>
      </c>
    </row>
    <row r="91" spans="1:6" x14ac:dyDescent="0.25">
      <c r="A91">
        <v>110</v>
      </c>
      <c r="B91" t="s">
        <v>6</v>
      </c>
      <c r="C91" t="s">
        <v>7</v>
      </c>
      <c r="D91" t="s">
        <v>8</v>
      </c>
      <c r="E91" t="s">
        <v>23</v>
      </c>
      <c r="F91" s="1">
        <v>0</v>
      </c>
    </row>
    <row r="92" spans="1:6" x14ac:dyDescent="0.25">
      <c r="A92">
        <v>110</v>
      </c>
      <c r="B92" t="s">
        <v>6</v>
      </c>
      <c r="C92" t="s">
        <v>7</v>
      </c>
      <c r="D92" t="s">
        <v>8</v>
      </c>
      <c r="E92" t="s">
        <v>23</v>
      </c>
      <c r="F92" s="1">
        <v>-2</v>
      </c>
    </row>
    <row r="93" spans="1:6" x14ac:dyDescent="0.25">
      <c r="A93">
        <v>110</v>
      </c>
      <c r="B93" t="s">
        <v>6</v>
      </c>
      <c r="C93" t="s">
        <v>7</v>
      </c>
      <c r="D93" t="s">
        <v>8</v>
      </c>
      <c r="E93" t="s">
        <v>23</v>
      </c>
      <c r="F93" s="1">
        <v>-24</v>
      </c>
    </row>
    <row r="94" spans="1:6" x14ac:dyDescent="0.25">
      <c r="A94">
        <v>110</v>
      </c>
      <c r="B94" t="s">
        <v>6</v>
      </c>
      <c r="C94" t="s">
        <v>7</v>
      </c>
      <c r="D94" t="s">
        <v>8</v>
      </c>
      <c r="E94" t="s">
        <v>23</v>
      </c>
      <c r="F94" s="1">
        <v>1690</v>
      </c>
    </row>
    <row r="95" spans="1:6" x14ac:dyDescent="0.25">
      <c r="A95">
        <v>110</v>
      </c>
      <c r="B95" t="s">
        <v>6</v>
      </c>
      <c r="C95" t="s">
        <v>7</v>
      </c>
      <c r="D95" t="s">
        <v>8</v>
      </c>
      <c r="E95" t="s">
        <v>23</v>
      </c>
      <c r="F95" s="1">
        <v>-231</v>
      </c>
    </row>
    <row r="96" spans="1:6" x14ac:dyDescent="0.25">
      <c r="A96">
        <v>110</v>
      </c>
      <c r="B96" t="s">
        <v>6</v>
      </c>
      <c r="C96" t="s">
        <v>7</v>
      </c>
      <c r="D96" t="s">
        <v>8</v>
      </c>
      <c r="E96" t="s">
        <v>23</v>
      </c>
      <c r="F96" s="1">
        <v>481</v>
      </c>
    </row>
    <row r="97" spans="1:6" x14ac:dyDescent="0.25">
      <c r="A97">
        <v>110</v>
      </c>
      <c r="B97" t="s">
        <v>6</v>
      </c>
      <c r="C97" t="s">
        <v>7</v>
      </c>
      <c r="D97" t="s">
        <v>8</v>
      </c>
      <c r="E97" t="s">
        <v>23</v>
      </c>
      <c r="F97" s="1">
        <v>-1</v>
      </c>
    </row>
    <row r="98" spans="1:6" x14ac:dyDescent="0.25">
      <c r="A98">
        <v>110</v>
      </c>
      <c r="B98" t="s">
        <v>6</v>
      </c>
      <c r="C98" t="s">
        <v>7</v>
      </c>
      <c r="D98" t="s">
        <v>8</v>
      </c>
      <c r="E98" t="s">
        <v>23</v>
      </c>
      <c r="F98" s="1">
        <v>-7</v>
      </c>
    </row>
    <row r="99" spans="1:6" x14ac:dyDescent="0.25">
      <c r="A99">
        <v>110</v>
      </c>
      <c r="B99" t="s">
        <v>6</v>
      </c>
      <c r="C99" t="s">
        <v>7</v>
      </c>
      <c r="D99" t="s">
        <v>8</v>
      </c>
      <c r="E99" t="s">
        <v>23</v>
      </c>
      <c r="F99" s="1">
        <v>-473</v>
      </c>
    </row>
    <row r="100" spans="1:6" x14ac:dyDescent="0.25">
      <c r="A100">
        <v>110</v>
      </c>
      <c r="B100" t="s">
        <v>6</v>
      </c>
      <c r="C100" t="s">
        <v>7</v>
      </c>
      <c r="D100" t="s">
        <v>8</v>
      </c>
      <c r="E100" t="s">
        <v>23</v>
      </c>
      <c r="F100" s="1">
        <v>30</v>
      </c>
    </row>
    <row r="101" spans="1:6" x14ac:dyDescent="0.25">
      <c r="A101">
        <v>110</v>
      </c>
      <c r="B101" t="s">
        <v>6</v>
      </c>
      <c r="C101" t="s">
        <v>7</v>
      </c>
      <c r="D101" t="s">
        <v>8</v>
      </c>
      <c r="E101" t="s">
        <v>23</v>
      </c>
      <c r="F101" s="1">
        <v>-30</v>
      </c>
    </row>
    <row r="102" spans="1:6" x14ac:dyDescent="0.25">
      <c r="A102">
        <v>110</v>
      </c>
      <c r="B102" t="s">
        <v>6</v>
      </c>
      <c r="C102" t="s">
        <v>7</v>
      </c>
      <c r="D102" t="s">
        <v>8</v>
      </c>
      <c r="E102" t="s">
        <v>24</v>
      </c>
      <c r="F102" s="1">
        <v>-52</v>
      </c>
    </row>
    <row r="103" spans="1:6" x14ac:dyDescent="0.25">
      <c r="A103">
        <v>110</v>
      </c>
      <c r="B103" t="s">
        <v>6</v>
      </c>
      <c r="C103" t="s">
        <v>7</v>
      </c>
      <c r="D103" t="s">
        <v>8</v>
      </c>
      <c r="E103" t="s">
        <v>24</v>
      </c>
      <c r="F103" s="1">
        <v>-302</v>
      </c>
    </row>
    <row r="104" spans="1:6" x14ac:dyDescent="0.25">
      <c r="A104">
        <v>110</v>
      </c>
      <c r="B104" t="s">
        <v>6</v>
      </c>
      <c r="C104" t="s">
        <v>7</v>
      </c>
      <c r="D104" t="s">
        <v>8</v>
      </c>
      <c r="E104" t="s">
        <v>24</v>
      </c>
      <c r="F104" s="1">
        <v>0</v>
      </c>
    </row>
    <row r="105" spans="1:6" x14ac:dyDescent="0.25">
      <c r="A105">
        <v>110</v>
      </c>
      <c r="B105" t="s">
        <v>6</v>
      </c>
      <c r="C105" t="s">
        <v>7</v>
      </c>
      <c r="D105" t="s">
        <v>8</v>
      </c>
      <c r="E105" t="s">
        <v>24</v>
      </c>
      <c r="F105" s="1">
        <v>-3</v>
      </c>
    </row>
    <row r="106" spans="1:6" x14ac:dyDescent="0.25">
      <c r="A106">
        <v>110</v>
      </c>
      <c r="B106" t="s">
        <v>6</v>
      </c>
      <c r="C106" t="s">
        <v>7</v>
      </c>
      <c r="D106" t="s">
        <v>8</v>
      </c>
      <c r="E106" t="s">
        <v>24</v>
      </c>
      <c r="F106" s="1">
        <v>-73</v>
      </c>
    </row>
    <row r="107" spans="1:6" x14ac:dyDescent="0.25">
      <c r="A107">
        <v>110</v>
      </c>
      <c r="B107" t="s">
        <v>6</v>
      </c>
      <c r="C107" t="s">
        <v>7</v>
      </c>
      <c r="D107" t="s">
        <v>8</v>
      </c>
      <c r="E107" t="s">
        <v>24</v>
      </c>
      <c r="F107" s="1">
        <v>2620</v>
      </c>
    </row>
    <row r="108" spans="1:6" x14ac:dyDescent="0.25">
      <c r="A108">
        <v>110</v>
      </c>
      <c r="B108" t="s">
        <v>6</v>
      </c>
      <c r="C108" t="s">
        <v>7</v>
      </c>
      <c r="D108" t="s">
        <v>8</v>
      </c>
      <c r="E108" t="s">
        <v>24</v>
      </c>
      <c r="F108" s="1">
        <v>-738</v>
      </c>
    </row>
    <row r="109" spans="1:6" x14ac:dyDescent="0.25">
      <c r="A109">
        <v>110</v>
      </c>
      <c r="B109" t="s">
        <v>6</v>
      </c>
      <c r="C109" t="s">
        <v>7</v>
      </c>
      <c r="D109" t="s">
        <v>8</v>
      </c>
      <c r="E109" t="s">
        <v>24</v>
      </c>
      <c r="F109" s="1">
        <v>-7</v>
      </c>
    </row>
    <row r="110" spans="1:6" x14ac:dyDescent="0.25">
      <c r="A110">
        <v>110</v>
      </c>
      <c r="B110" t="s">
        <v>6</v>
      </c>
      <c r="C110" t="s">
        <v>7</v>
      </c>
      <c r="D110" t="s">
        <v>8</v>
      </c>
      <c r="E110" t="s">
        <v>24</v>
      </c>
      <c r="F110" s="1">
        <v>749</v>
      </c>
    </row>
    <row r="111" spans="1:6" x14ac:dyDescent="0.25">
      <c r="A111">
        <v>110</v>
      </c>
      <c r="B111" t="s">
        <v>6</v>
      </c>
      <c r="C111" t="s">
        <v>7</v>
      </c>
      <c r="D111" t="s">
        <v>8</v>
      </c>
      <c r="E111" t="s">
        <v>24</v>
      </c>
      <c r="F111" s="1">
        <v>-4</v>
      </c>
    </row>
    <row r="112" spans="1:6" x14ac:dyDescent="0.25">
      <c r="A112">
        <v>110</v>
      </c>
      <c r="B112" t="s">
        <v>6</v>
      </c>
      <c r="C112" t="s">
        <v>7</v>
      </c>
      <c r="D112" t="s">
        <v>8</v>
      </c>
      <c r="E112" t="s">
        <v>24</v>
      </c>
      <c r="F112" s="1">
        <v>47</v>
      </c>
    </row>
    <row r="113" spans="1:6" x14ac:dyDescent="0.25">
      <c r="A113">
        <v>110</v>
      </c>
      <c r="B113" t="s">
        <v>6</v>
      </c>
      <c r="C113" t="s">
        <v>7</v>
      </c>
      <c r="D113" t="s">
        <v>8</v>
      </c>
      <c r="E113" t="s">
        <v>24</v>
      </c>
      <c r="F113" s="1">
        <v>-47</v>
      </c>
    </row>
    <row r="114" spans="1:6" x14ac:dyDescent="0.25">
      <c r="A114">
        <v>110</v>
      </c>
      <c r="B114" t="s">
        <v>6</v>
      </c>
      <c r="C114" t="s">
        <v>7</v>
      </c>
      <c r="D114" t="s">
        <v>8</v>
      </c>
      <c r="E114" t="s">
        <v>25</v>
      </c>
      <c r="F114" s="1">
        <v>-106</v>
      </c>
    </row>
    <row r="115" spans="1:6" x14ac:dyDescent="0.25">
      <c r="A115">
        <v>110</v>
      </c>
      <c r="B115" t="s">
        <v>6</v>
      </c>
      <c r="C115" t="s">
        <v>7</v>
      </c>
      <c r="D115" t="s">
        <v>8</v>
      </c>
      <c r="E115" t="s">
        <v>25</v>
      </c>
      <c r="F115" s="1">
        <v>-85</v>
      </c>
    </row>
    <row r="116" spans="1:6" x14ac:dyDescent="0.25">
      <c r="A116">
        <v>110</v>
      </c>
      <c r="B116" t="s">
        <v>6</v>
      </c>
      <c r="C116" t="s">
        <v>7</v>
      </c>
      <c r="D116" t="s">
        <v>8</v>
      </c>
      <c r="E116" t="s">
        <v>25</v>
      </c>
      <c r="F116" s="1">
        <v>-4</v>
      </c>
    </row>
    <row r="117" spans="1:6" x14ac:dyDescent="0.25">
      <c r="A117">
        <v>110</v>
      </c>
      <c r="B117" t="s">
        <v>6</v>
      </c>
      <c r="C117" t="s">
        <v>7</v>
      </c>
      <c r="D117" t="s">
        <v>8</v>
      </c>
      <c r="E117" t="s">
        <v>25</v>
      </c>
      <c r="F117" s="1">
        <v>3163</v>
      </c>
    </row>
    <row r="118" spans="1:6" x14ac:dyDescent="0.25">
      <c r="A118">
        <v>110</v>
      </c>
      <c r="B118" t="s">
        <v>6</v>
      </c>
      <c r="C118" t="s">
        <v>7</v>
      </c>
      <c r="D118" t="s">
        <v>8</v>
      </c>
      <c r="E118" t="s">
        <v>25</v>
      </c>
      <c r="F118" s="1">
        <v>-337</v>
      </c>
    </row>
    <row r="119" spans="1:6" x14ac:dyDescent="0.25">
      <c r="A119">
        <v>110</v>
      </c>
      <c r="B119" t="s">
        <v>6</v>
      </c>
      <c r="C119" t="s">
        <v>7</v>
      </c>
      <c r="D119" t="s">
        <v>8</v>
      </c>
      <c r="E119" t="s">
        <v>25</v>
      </c>
      <c r="F119" s="1">
        <v>0</v>
      </c>
    </row>
    <row r="120" spans="1:6" x14ac:dyDescent="0.25">
      <c r="A120">
        <v>110</v>
      </c>
      <c r="B120" t="s">
        <v>6</v>
      </c>
      <c r="C120" t="s">
        <v>7</v>
      </c>
      <c r="D120" t="s">
        <v>8</v>
      </c>
      <c r="E120" t="s">
        <v>25</v>
      </c>
      <c r="F120" s="1">
        <v>-875</v>
      </c>
    </row>
    <row r="121" spans="1:6" x14ac:dyDescent="0.25">
      <c r="A121">
        <v>110</v>
      </c>
      <c r="B121" t="s">
        <v>6</v>
      </c>
      <c r="C121" t="s">
        <v>7</v>
      </c>
      <c r="D121" t="s">
        <v>8</v>
      </c>
      <c r="E121" t="s">
        <v>25</v>
      </c>
      <c r="F121" s="1">
        <v>-7</v>
      </c>
    </row>
    <row r="122" spans="1:6" x14ac:dyDescent="0.25">
      <c r="A122">
        <v>110</v>
      </c>
      <c r="B122" t="s">
        <v>6</v>
      </c>
      <c r="C122" t="s">
        <v>7</v>
      </c>
      <c r="D122" t="s">
        <v>8</v>
      </c>
      <c r="E122" t="s">
        <v>25</v>
      </c>
      <c r="F122" s="1">
        <v>-20</v>
      </c>
    </row>
    <row r="123" spans="1:6" x14ac:dyDescent="0.25">
      <c r="A123">
        <v>110</v>
      </c>
      <c r="B123" t="s">
        <v>6</v>
      </c>
      <c r="C123" t="s">
        <v>7</v>
      </c>
      <c r="D123" t="s">
        <v>8</v>
      </c>
      <c r="E123" t="s">
        <v>25</v>
      </c>
      <c r="F123" s="1">
        <v>902</v>
      </c>
    </row>
    <row r="124" spans="1:6" x14ac:dyDescent="0.25">
      <c r="A124">
        <v>110</v>
      </c>
      <c r="B124" t="s">
        <v>6</v>
      </c>
      <c r="C124" t="s">
        <v>7</v>
      </c>
      <c r="D124" t="s">
        <v>8</v>
      </c>
      <c r="E124" t="s">
        <v>25</v>
      </c>
      <c r="F124" s="1">
        <v>56</v>
      </c>
    </row>
    <row r="125" spans="1:6" x14ac:dyDescent="0.25">
      <c r="A125">
        <v>110</v>
      </c>
      <c r="B125" t="s">
        <v>6</v>
      </c>
      <c r="C125" t="s">
        <v>7</v>
      </c>
      <c r="D125" t="s">
        <v>8</v>
      </c>
      <c r="E125" t="s">
        <v>25</v>
      </c>
      <c r="F125" s="1">
        <v>-56</v>
      </c>
    </row>
    <row r="126" spans="1:6" x14ac:dyDescent="0.25">
      <c r="A126">
        <v>110</v>
      </c>
      <c r="B126" t="s">
        <v>6</v>
      </c>
      <c r="C126" t="s">
        <v>7</v>
      </c>
      <c r="D126" t="s">
        <v>8</v>
      </c>
      <c r="E126" t="s">
        <v>26</v>
      </c>
      <c r="F126" s="1">
        <v>-124</v>
      </c>
    </row>
    <row r="127" spans="1:6" x14ac:dyDescent="0.25">
      <c r="A127">
        <v>110</v>
      </c>
      <c r="B127" t="s">
        <v>6</v>
      </c>
      <c r="C127" t="s">
        <v>7</v>
      </c>
      <c r="D127" t="s">
        <v>8</v>
      </c>
      <c r="E127" t="s">
        <v>26</v>
      </c>
      <c r="F127" s="1">
        <v>-110</v>
      </c>
    </row>
    <row r="128" spans="1:6" x14ac:dyDescent="0.25">
      <c r="A128">
        <v>110</v>
      </c>
      <c r="B128" t="s">
        <v>6</v>
      </c>
      <c r="C128" t="s">
        <v>7</v>
      </c>
      <c r="D128" t="s">
        <v>8</v>
      </c>
      <c r="E128" t="s">
        <v>26</v>
      </c>
      <c r="F128" s="1">
        <v>-12</v>
      </c>
    </row>
    <row r="129" spans="1:6" x14ac:dyDescent="0.25">
      <c r="A129">
        <v>110</v>
      </c>
      <c r="B129" t="s">
        <v>6</v>
      </c>
      <c r="C129" t="s">
        <v>7</v>
      </c>
      <c r="D129" t="s">
        <v>8</v>
      </c>
      <c r="E129" t="s">
        <v>26</v>
      </c>
      <c r="F129" s="1">
        <v>-413</v>
      </c>
    </row>
    <row r="130" spans="1:6" x14ac:dyDescent="0.25">
      <c r="A130">
        <v>110</v>
      </c>
      <c r="B130" t="s">
        <v>6</v>
      </c>
      <c r="C130" t="s">
        <v>7</v>
      </c>
      <c r="D130" t="s">
        <v>8</v>
      </c>
      <c r="E130" t="s">
        <v>26</v>
      </c>
      <c r="F130" s="1">
        <v>0</v>
      </c>
    </row>
    <row r="131" spans="1:6" x14ac:dyDescent="0.25">
      <c r="A131">
        <v>110</v>
      </c>
      <c r="B131" t="s">
        <v>6</v>
      </c>
      <c r="C131" t="s">
        <v>7</v>
      </c>
      <c r="D131" t="s">
        <v>8</v>
      </c>
      <c r="E131" t="s">
        <v>26</v>
      </c>
      <c r="F131" s="1">
        <v>4186</v>
      </c>
    </row>
    <row r="132" spans="1:6" x14ac:dyDescent="0.25">
      <c r="A132">
        <v>110</v>
      </c>
      <c r="B132" t="s">
        <v>6</v>
      </c>
      <c r="C132" t="s">
        <v>7</v>
      </c>
      <c r="D132" t="s">
        <v>8</v>
      </c>
      <c r="E132" t="s">
        <v>26</v>
      </c>
      <c r="F132" s="1">
        <v>-11</v>
      </c>
    </row>
    <row r="133" spans="1:6" x14ac:dyDescent="0.25">
      <c r="A133">
        <v>110</v>
      </c>
      <c r="B133" t="s">
        <v>6</v>
      </c>
      <c r="C133" t="s">
        <v>7</v>
      </c>
      <c r="D133" t="s">
        <v>8</v>
      </c>
      <c r="E133" t="s">
        <v>26</v>
      </c>
      <c r="F133" s="1">
        <v>1201</v>
      </c>
    </row>
    <row r="134" spans="1:6" x14ac:dyDescent="0.25">
      <c r="A134">
        <v>110</v>
      </c>
      <c r="B134" t="s">
        <v>6</v>
      </c>
      <c r="C134" t="s">
        <v>7</v>
      </c>
      <c r="D134" t="s">
        <v>8</v>
      </c>
      <c r="E134" t="s">
        <v>26</v>
      </c>
      <c r="F134" s="1">
        <v>-29</v>
      </c>
    </row>
    <row r="135" spans="1:6" x14ac:dyDescent="0.25">
      <c r="A135">
        <v>110</v>
      </c>
      <c r="B135" t="s">
        <v>6</v>
      </c>
      <c r="C135" t="s">
        <v>7</v>
      </c>
      <c r="D135" t="s">
        <v>8</v>
      </c>
      <c r="E135" t="s">
        <v>26</v>
      </c>
      <c r="F135" s="1">
        <v>-1161</v>
      </c>
    </row>
    <row r="136" spans="1:6" x14ac:dyDescent="0.25">
      <c r="A136">
        <v>110</v>
      </c>
      <c r="B136" t="s">
        <v>6</v>
      </c>
      <c r="C136" t="s">
        <v>7</v>
      </c>
      <c r="D136" t="s">
        <v>8</v>
      </c>
      <c r="E136" t="s">
        <v>26</v>
      </c>
      <c r="F136" s="1">
        <v>75</v>
      </c>
    </row>
    <row r="137" spans="1:6" x14ac:dyDescent="0.25">
      <c r="A137">
        <v>110</v>
      </c>
      <c r="B137" t="s">
        <v>6</v>
      </c>
      <c r="C137" t="s">
        <v>7</v>
      </c>
      <c r="D137" t="s">
        <v>8</v>
      </c>
      <c r="E137" t="s">
        <v>26</v>
      </c>
      <c r="F137" s="1">
        <v>-75</v>
      </c>
    </row>
    <row r="138" spans="1:6" x14ac:dyDescent="0.25">
      <c r="A138">
        <v>110</v>
      </c>
      <c r="B138" t="s">
        <v>6</v>
      </c>
      <c r="C138" t="s">
        <v>7</v>
      </c>
      <c r="D138" t="s">
        <v>8</v>
      </c>
      <c r="E138" t="s">
        <v>27</v>
      </c>
      <c r="F138" s="1">
        <v>-519</v>
      </c>
    </row>
    <row r="139" spans="1:6" x14ac:dyDescent="0.25">
      <c r="A139">
        <v>110</v>
      </c>
      <c r="B139" t="s">
        <v>6</v>
      </c>
      <c r="C139" t="s">
        <v>7</v>
      </c>
      <c r="D139" t="s">
        <v>8</v>
      </c>
      <c r="E139" t="s">
        <v>27</v>
      </c>
      <c r="F139" s="1">
        <v>-193</v>
      </c>
    </row>
    <row r="140" spans="1:6" x14ac:dyDescent="0.25">
      <c r="A140">
        <v>110</v>
      </c>
      <c r="B140" t="s">
        <v>6</v>
      </c>
      <c r="C140" t="s">
        <v>7</v>
      </c>
      <c r="D140" t="s">
        <v>8</v>
      </c>
      <c r="E140" t="s">
        <v>27</v>
      </c>
      <c r="F140" s="1">
        <v>5621</v>
      </c>
    </row>
    <row r="141" spans="1:6" x14ac:dyDescent="0.25">
      <c r="A141">
        <v>110</v>
      </c>
      <c r="B141" t="s">
        <v>6</v>
      </c>
      <c r="C141" t="s">
        <v>7</v>
      </c>
      <c r="D141" t="s">
        <v>8</v>
      </c>
      <c r="E141" t="s">
        <v>27</v>
      </c>
      <c r="F141" s="1">
        <v>-13</v>
      </c>
    </row>
    <row r="142" spans="1:6" x14ac:dyDescent="0.25">
      <c r="A142">
        <v>110</v>
      </c>
      <c r="B142" t="s">
        <v>6</v>
      </c>
      <c r="C142" t="s">
        <v>7</v>
      </c>
      <c r="D142" t="s">
        <v>8</v>
      </c>
      <c r="E142" t="s">
        <v>27</v>
      </c>
      <c r="F142" s="1">
        <v>-145</v>
      </c>
    </row>
    <row r="143" spans="1:6" x14ac:dyDescent="0.25">
      <c r="A143">
        <v>110</v>
      </c>
      <c r="B143" t="s">
        <v>6</v>
      </c>
      <c r="C143" t="s">
        <v>7</v>
      </c>
      <c r="D143" t="s">
        <v>8</v>
      </c>
      <c r="E143" t="s">
        <v>27</v>
      </c>
      <c r="F143" s="1">
        <v>0</v>
      </c>
    </row>
    <row r="144" spans="1:6" x14ac:dyDescent="0.25">
      <c r="A144">
        <v>110</v>
      </c>
      <c r="B144" t="s">
        <v>6</v>
      </c>
      <c r="C144" t="s">
        <v>7</v>
      </c>
      <c r="D144" t="s">
        <v>8</v>
      </c>
      <c r="E144" t="s">
        <v>27</v>
      </c>
      <c r="F144" s="1">
        <v>1</v>
      </c>
    </row>
    <row r="145" spans="1:6" x14ac:dyDescent="0.25">
      <c r="A145">
        <v>110</v>
      </c>
      <c r="B145" t="s">
        <v>6</v>
      </c>
      <c r="C145" t="s">
        <v>7</v>
      </c>
      <c r="D145" t="s">
        <v>8</v>
      </c>
      <c r="E145" t="s">
        <v>27</v>
      </c>
      <c r="F145" s="1">
        <v>-56</v>
      </c>
    </row>
    <row r="146" spans="1:6" x14ac:dyDescent="0.25">
      <c r="A146">
        <v>110</v>
      </c>
      <c r="B146" t="s">
        <v>6</v>
      </c>
      <c r="C146" t="s">
        <v>7</v>
      </c>
      <c r="D146" t="s">
        <v>8</v>
      </c>
      <c r="E146" t="s">
        <v>27</v>
      </c>
      <c r="F146" s="1">
        <v>-20</v>
      </c>
    </row>
    <row r="147" spans="1:6" x14ac:dyDescent="0.25">
      <c r="A147">
        <v>110</v>
      </c>
      <c r="B147" t="s">
        <v>6</v>
      </c>
      <c r="C147" t="s">
        <v>7</v>
      </c>
      <c r="D147" t="s">
        <v>8</v>
      </c>
      <c r="E147" t="s">
        <v>27</v>
      </c>
      <c r="F147" s="1">
        <v>1629</v>
      </c>
    </row>
    <row r="148" spans="1:6" x14ac:dyDescent="0.25">
      <c r="A148">
        <v>110</v>
      </c>
      <c r="B148" t="s">
        <v>6</v>
      </c>
      <c r="C148" t="s">
        <v>7</v>
      </c>
      <c r="D148" t="s">
        <v>8</v>
      </c>
      <c r="E148" t="s">
        <v>27</v>
      </c>
      <c r="F148" s="1">
        <v>-1553</v>
      </c>
    </row>
    <row r="149" spans="1:6" x14ac:dyDescent="0.25">
      <c r="A149">
        <v>110</v>
      </c>
      <c r="B149" t="s">
        <v>6</v>
      </c>
      <c r="C149" t="s">
        <v>7</v>
      </c>
      <c r="D149" t="s">
        <v>8</v>
      </c>
      <c r="E149" t="s">
        <v>27</v>
      </c>
      <c r="F149" s="1">
        <v>-101</v>
      </c>
    </row>
    <row r="150" spans="1:6" x14ac:dyDescent="0.25">
      <c r="A150">
        <v>110</v>
      </c>
      <c r="B150" t="s">
        <v>6</v>
      </c>
      <c r="C150" t="s">
        <v>7</v>
      </c>
      <c r="D150" t="s">
        <v>8</v>
      </c>
      <c r="E150" t="s">
        <v>27</v>
      </c>
      <c r="F150" s="1">
        <v>101</v>
      </c>
    </row>
    <row r="151" spans="1:6" x14ac:dyDescent="0.25">
      <c r="A151">
        <v>110</v>
      </c>
      <c r="B151" t="s">
        <v>6</v>
      </c>
      <c r="C151" t="s">
        <v>7</v>
      </c>
      <c r="D151" t="s">
        <v>8</v>
      </c>
      <c r="E151" t="s">
        <v>28</v>
      </c>
      <c r="F151" s="1">
        <v>-179</v>
      </c>
    </row>
    <row r="152" spans="1:6" x14ac:dyDescent="0.25">
      <c r="A152">
        <v>110</v>
      </c>
      <c r="B152" t="s">
        <v>6</v>
      </c>
      <c r="C152" t="s">
        <v>7</v>
      </c>
      <c r="D152" t="s">
        <v>8</v>
      </c>
      <c r="E152" t="s">
        <v>28</v>
      </c>
      <c r="F152" s="1">
        <v>0</v>
      </c>
    </row>
    <row r="153" spans="1:6" x14ac:dyDescent="0.25">
      <c r="A153">
        <v>110</v>
      </c>
      <c r="B153" t="s">
        <v>6</v>
      </c>
      <c r="C153" t="s">
        <v>7</v>
      </c>
      <c r="D153" t="s">
        <v>8</v>
      </c>
      <c r="E153" t="s">
        <v>28</v>
      </c>
      <c r="F153" s="1">
        <v>7232</v>
      </c>
    </row>
    <row r="154" spans="1:6" x14ac:dyDescent="0.25">
      <c r="A154">
        <v>110</v>
      </c>
      <c r="B154" t="s">
        <v>6</v>
      </c>
      <c r="C154" t="s">
        <v>7</v>
      </c>
      <c r="D154" t="s">
        <v>8</v>
      </c>
      <c r="E154" t="s">
        <v>28</v>
      </c>
      <c r="F154" s="1">
        <v>-173</v>
      </c>
    </row>
    <row r="155" spans="1:6" x14ac:dyDescent="0.25">
      <c r="A155">
        <v>110</v>
      </c>
      <c r="B155" t="s">
        <v>6</v>
      </c>
      <c r="C155" t="s">
        <v>7</v>
      </c>
      <c r="D155" t="s">
        <v>8</v>
      </c>
      <c r="E155" t="s">
        <v>28</v>
      </c>
      <c r="F155" s="1">
        <v>-409</v>
      </c>
    </row>
    <row r="156" spans="1:6" x14ac:dyDescent="0.25">
      <c r="A156">
        <v>110</v>
      </c>
      <c r="B156" t="s">
        <v>6</v>
      </c>
      <c r="C156" t="s">
        <v>7</v>
      </c>
      <c r="D156" t="s">
        <v>8</v>
      </c>
      <c r="E156" t="s">
        <v>28</v>
      </c>
      <c r="F156" s="1">
        <v>-645</v>
      </c>
    </row>
    <row r="157" spans="1:6" x14ac:dyDescent="0.25">
      <c r="A157">
        <v>110</v>
      </c>
      <c r="B157" t="s">
        <v>6</v>
      </c>
      <c r="C157" t="s">
        <v>7</v>
      </c>
      <c r="D157" t="s">
        <v>8</v>
      </c>
      <c r="E157" t="s">
        <v>28</v>
      </c>
      <c r="F157" s="1">
        <v>2163</v>
      </c>
    </row>
    <row r="158" spans="1:6" x14ac:dyDescent="0.25">
      <c r="A158">
        <v>110</v>
      </c>
      <c r="B158" t="s">
        <v>6</v>
      </c>
      <c r="C158" t="s">
        <v>7</v>
      </c>
      <c r="D158" t="s">
        <v>8</v>
      </c>
      <c r="E158" t="s">
        <v>28</v>
      </c>
      <c r="F158" s="1">
        <v>-1999</v>
      </c>
    </row>
    <row r="159" spans="1:6" x14ac:dyDescent="0.25">
      <c r="A159">
        <v>110</v>
      </c>
      <c r="B159" t="s">
        <v>6</v>
      </c>
      <c r="C159" t="s">
        <v>7</v>
      </c>
      <c r="D159" t="s">
        <v>8</v>
      </c>
      <c r="E159" t="s">
        <v>28</v>
      </c>
      <c r="F159" s="1">
        <v>-122</v>
      </c>
    </row>
    <row r="160" spans="1:6" x14ac:dyDescent="0.25">
      <c r="A160">
        <v>110</v>
      </c>
      <c r="B160" t="s">
        <v>6</v>
      </c>
      <c r="C160" t="s">
        <v>7</v>
      </c>
      <c r="D160" t="s">
        <v>8</v>
      </c>
      <c r="E160" t="s">
        <v>28</v>
      </c>
      <c r="F160" s="1">
        <v>-42</v>
      </c>
    </row>
    <row r="161" spans="1:6" x14ac:dyDescent="0.25">
      <c r="A161">
        <v>110</v>
      </c>
      <c r="B161" t="s">
        <v>6</v>
      </c>
      <c r="C161" t="s">
        <v>7</v>
      </c>
      <c r="D161" t="s">
        <v>8</v>
      </c>
      <c r="E161" t="s">
        <v>28</v>
      </c>
      <c r="F161" s="1">
        <v>-2</v>
      </c>
    </row>
    <row r="162" spans="1:6" x14ac:dyDescent="0.25">
      <c r="A162">
        <v>110</v>
      </c>
      <c r="B162" t="s">
        <v>6</v>
      </c>
      <c r="C162" t="s">
        <v>7</v>
      </c>
      <c r="D162" t="s">
        <v>8</v>
      </c>
      <c r="E162" t="s">
        <v>28</v>
      </c>
      <c r="F162" s="1">
        <v>-3</v>
      </c>
    </row>
    <row r="163" spans="1:6" x14ac:dyDescent="0.25">
      <c r="A163">
        <v>110</v>
      </c>
      <c r="B163" t="s">
        <v>6</v>
      </c>
      <c r="C163" t="s">
        <v>7</v>
      </c>
      <c r="D163" t="s">
        <v>8</v>
      </c>
      <c r="E163" t="s">
        <v>28</v>
      </c>
      <c r="F163" s="1">
        <v>135</v>
      </c>
    </row>
    <row r="164" spans="1:6" x14ac:dyDescent="0.25">
      <c r="A164">
        <v>110</v>
      </c>
      <c r="B164" t="s">
        <v>6</v>
      </c>
      <c r="C164" t="s">
        <v>7</v>
      </c>
      <c r="D164" t="s">
        <v>8</v>
      </c>
      <c r="E164" t="s">
        <v>28</v>
      </c>
      <c r="F164" s="1">
        <v>-130</v>
      </c>
    </row>
    <row r="165" spans="1:6" x14ac:dyDescent="0.25">
      <c r="A165">
        <v>110</v>
      </c>
      <c r="B165" t="s">
        <v>6</v>
      </c>
      <c r="C165" t="s">
        <v>7</v>
      </c>
      <c r="D165" t="s">
        <v>8</v>
      </c>
      <c r="E165" t="s">
        <v>29</v>
      </c>
      <c r="F165" s="1">
        <v>-151</v>
      </c>
    </row>
    <row r="166" spans="1:6" x14ac:dyDescent="0.25">
      <c r="A166">
        <v>110</v>
      </c>
      <c r="B166" t="s">
        <v>6</v>
      </c>
      <c r="C166" t="s">
        <v>7</v>
      </c>
      <c r="D166" t="s">
        <v>8</v>
      </c>
      <c r="E166" t="s">
        <v>29</v>
      </c>
      <c r="F166" s="1">
        <v>-8</v>
      </c>
    </row>
    <row r="167" spans="1:6" x14ac:dyDescent="0.25">
      <c r="A167">
        <v>110</v>
      </c>
      <c r="B167" t="s">
        <v>6</v>
      </c>
      <c r="C167" t="s">
        <v>7</v>
      </c>
      <c r="D167" t="s">
        <v>8</v>
      </c>
      <c r="E167" t="s">
        <v>29</v>
      </c>
      <c r="F167" s="1">
        <v>-173</v>
      </c>
    </row>
    <row r="168" spans="1:6" x14ac:dyDescent="0.25">
      <c r="A168">
        <v>110</v>
      </c>
      <c r="B168" t="s">
        <v>6</v>
      </c>
      <c r="C168" t="s">
        <v>7</v>
      </c>
      <c r="D168" t="s">
        <v>8</v>
      </c>
      <c r="E168" t="s">
        <v>29</v>
      </c>
      <c r="F168" s="1">
        <v>-552</v>
      </c>
    </row>
    <row r="169" spans="1:6" x14ac:dyDescent="0.25">
      <c r="A169">
        <v>110</v>
      </c>
      <c r="B169" t="s">
        <v>6</v>
      </c>
      <c r="C169" t="s">
        <v>7</v>
      </c>
      <c r="D169" t="s">
        <v>8</v>
      </c>
      <c r="E169" t="s">
        <v>29</v>
      </c>
      <c r="F169" s="1">
        <v>6259</v>
      </c>
    </row>
    <row r="170" spans="1:6" x14ac:dyDescent="0.25">
      <c r="A170">
        <v>110</v>
      </c>
      <c r="B170" t="s">
        <v>6</v>
      </c>
      <c r="C170" t="s">
        <v>7</v>
      </c>
      <c r="D170" t="s">
        <v>8</v>
      </c>
      <c r="E170" t="s">
        <v>29</v>
      </c>
      <c r="F170" s="1">
        <v>0</v>
      </c>
    </row>
    <row r="171" spans="1:6" x14ac:dyDescent="0.25">
      <c r="A171">
        <v>110</v>
      </c>
      <c r="B171" t="s">
        <v>6</v>
      </c>
      <c r="C171" t="s">
        <v>7</v>
      </c>
      <c r="D171" t="s">
        <v>8</v>
      </c>
      <c r="E171" t="s">
        <v>29</v>
      </c>
      <c r="F171" s="1">
        <v>-7</v>
      </c>
    </row>
    <row r="172" spans="1:6" x14ac:dyDescent="0.25">
      <c r="A172">
        <v>110</v>
      </c>
      <c r="B172" t="s">
        <v>6</v>
      </c>
      <c r="C172" t="s">
        <v>7</v>
      </c>
      <c r="D172" t="s">
        <v>8</v>
      </c>
      <c r="E172" t="s">
        <v>29</v>
      </c>
      <c r="F172" s="1">
        <v>1818</v>
      </c>
    </row>
    <row r="173" spans="1:6" x14ac:dyDescent="0.25">
      <c r="A173">
        <v>110</v>
      </c>
      <c r="B173" t="s">
        <v>6</v>
      </c>
      <c r="C173" t="s">
        <v>7</v>
      </c>
      <c r="D173" t="s">
        <v>8</v>
      </c>
      <c r="E173" t="s">
        <v>29</v>
      </c>
      <c r="F173" s="1">
        <v>-1728</v>
      </c>
    </row>
    <row r="174" spans="1:6" x14ac:dyDescent="0.25">
      <c r="A174">
        <v>110</v>
      </c>
      <c r="B174" t="s">
        <v>6</v>
      </c>
      <c r="C174" t="s">
        <v>7</v>
      </c>
      <c r="D174" t="s">
        <v>8</v>
      </c>
      <c r="E174" t="s">
        <v>29</v>
      </c>
      <c r="F174" s="1">
        <v>-83</v>
      </c>
    </row>
    <row r="175" spans="1:6" x14ac:dyDescent="0.25">
      <c r="A175">
        <v>110</v>
      </c>
      <c r="B175" t="s">
        <v>6</v>
      </c>
      <c r="C175" t="s">
        <v>7</v>
      </c>
      <c r="D175" t="s">
        <v>8</v>
      </c>
      <c r="E175" t="s">
        <v>29</v>
      </c>
      <c r="F175" s="1">
        <v>113</v>
      </c>
    </row>
    <row r="176" spans="1:6" x14ac:dyDescent="0.25">
      <c r="A176">
        <v>110</v>
      </c>
      <c r="B176" t="s">
        <v>6</v>
      </c>
      <c r="C176" t="s">
        <v>7</v>
      </c>
      <c r="D176" t="s">
        <v>8</v>
      </c>
      <c r="E176" t="s">
        <v>29</v>
      </c>
      <c r="F176" s="1">
        <v>-112</v>
      </c>
    </row>
    <row r="177" spans="1:6" x14ac:dyDescent="0.25">
      <c r="A177">
        <v>110</v>
      </c>
      <c r="B177" t="s">
        <v>6</v>
      </c>
      <c r="C177" t="s">
        <v>7</v>
      </c>
      <c r="D177" t="s">
        <v>8</v>
      </c>
      <c r="E177" t="s">
        <v>29</v>
      </c>
      <c r="F177" s="1">
        <v>-1</v>
      </c>
    </row>
    <row r="178" spans="1:6" x14ac:dyDescent="0.25">
      <c r="A178">
        <v>110</v>
      </c>
      <c r="B178" t="s">
        <v>6</v>
      </c>
      <c r="C178" t="s">
        <v>7</v>
      </c>
      <c r="D178" t="s">
        <v>8</v>
      </c>
      <c r="E178" t="s">
        <v>30</v>
      </c>
      <c r="F178" s="1">
        <v>-499</v>
      </c>
    </row>
    <row r="179" spans="1:6" x14ac:dyDescent="0.25">
      <c r="A179">
        <v>110</v>
      </c>
      <c r="B179" t="s">
        <v>6</v>
      </c>
      <c r="C179" t="s">
        <v>7</v>
      </c>
      <c r="D179" t="s">
        <v>8</v>
      </c>
      <c r="E179" t="s">
        <v>30</v>
      </c>
      <c r="F179" s="1">
        <v>6482</v>
      </c>
    </row>
    <row r="180" spans="1:6" x14ac:dyDescent="0.25">
      <c r="A180">
        <v>110</v>
      </c>
      <c r="B180" t="s">
        <v>6</v>
      </c>
      <c r="C180" t="s">
        <v>7</v>
      </c>
      <c r="D180" t="s">
        <v>8</v>
      </c>
      <c r="E180" t="s">
        <v>30</v>
      </c>
      <c r="F180" s="1">
        <v>0</v>
      </c>
    </row>
    <row r="181" spans="1:6" x14ac:dyDescent="0.25">
      <c r="A181">
        <v>110</v>
      </c>
      <c r="B181" t="s">
        <v>6</v>
      </c>
      <c r="C181" t="s">
        <v>7</v>
      </c>
      <c r="D181" t="s">
        <v>8</v>
      </c>
      <c r="E181" t="s">
        <v>30</v>
      </c>
      <c r="F181" s="1">
        <v>-1038</v>
      </c>
    </row>
    <row r="182" spans="1:6" x14ac:dyDescent="0.25">
      <c r="A182">
        <v>110</v>
      </c>
      <c r="B182" t="s">
        <v>6</v>
      </c>
      <c r="C182" t="s">
        <v>7</v>
      </c>
      <c r="D182" t="s">
        <v>8</v>
      </c>
      <c r="E182" t="s">
        <v>30</v>
      </c>
      <c r="F182" s="1">
        <v>-151</v>
      </c>
    </row>
    <row r="183" spans="1:6" x14ac:dyDescent="0.25">
      <c r="A183">
        <v>110</v>
      </c>
      <c r="B183" t="s">
        <v>6</v>
      </c>
      <c r="C183" t="s">
        <v>7</v>
      </c>
      <c r="D183" t="s">
        <v>8</v>
      </c>
      <c r="E183" t="s">
        <v>30</v>
      </c>
      <c r="F183" s="1">
        <v>-91</v>
      </c>
    </row>
    <row r="184" spans="1:6" x14ac:dyDescent="0.25">
      <c r="A184">
        <v>110</v>
      </c>
      <c r="B184" t="s">
        <v>6</v>
      </c>
      <c r="C184" t="s">
        <v>7</v>
      </c>
      <c r="D184" t="s">
        <v>8</v>
      </c>
      <c r="E184" t="s">
        <v>30</v>
      </c>
      <c r="F184" s="1">
        <v>-1817</v>
      </c>
    </row>
    <row r="185" spans="1:6" x14ac:dyDescent="0.25">
      <c r="A185">
        <v>110</v>
      </c>
      <c r="B185" t="s">
        <v>6</v>
      </c>
      <c r="C185" t="s">
        <v>7</v>
      </c>
      <c r="D185" t="s">
        <v>8</v>
      </c>
      <c r="E185" t="s">
        <v>30</v>
      </c>
      <c r="F185" s="1">
        <v>1828</v>
      </c>
    </row>
    <row r="186" spans="1:6" x14ac:dyDescent="0.25">
      <c r="A186">
        <v>110</v>
      </c>
      <c r="B186" t="s">
        <v>6</v>
      </c>
      <c r="C186" t="s">
        <v>7</v>
      </c>
      <c r="D186" t="s">
        <v>8</v>
      </c>
      <c r="E186" t="s">
        <v>30</v>
      </c>
      <c r="F186" s="1">
        <v>-3</v>
      </c>
    </row>
    <row r="187" spans="1:6" x14ac:dyDescent="0.25">
      <c r="A187">
        <v>110</v>
      </c>
      <c r="B187" t="s">
        <v>6</v>
      </c>
      <c r="C187" t="s">
        <v>7</v>
      </c>
      <c r="D187" t="s">
        <v>8</v>
      </c>
      <c r="E187" t="s">
        <v>30</v>
      </c>
      <c r="F187" s="1">
        <v>-8</v>
      </c>
    </row>
    <row r="188" spans="1:6" x14ac:dyDescent="0.25">
      <c r="A188">
        <v>110</v>
      </c>
      <c r="B188" t="s">
        <v>6</v>
      </c>
      <c r="C188" t="s">
        <v>7</v>
      </c>
      <c r="D188" t="s">
        <v>8</v>
      </c>
      <c r="E188" t="s">
        <v>30</v>
      </c>
      <c r="F188" s="1">
        <v>-114</v>
      </c>
    </row>
    <row r="189" spans="1:6" x14ac:dyDescent="0.25">
      <c r="A189">
        <v>110</v>
      </c>
      <c r="B189" t="s">
        <v>6</v>
      </c>
      <c r="C189" t="s">
        <v>7</v>
      </c>
      <c r="D189" t="s">
        <v>8</v>
      </c>
      <c r="E189" t="s">
        <v>30</v>
      </c>
      <c r="F189" s="1">
        <v>114</v>
      </c>
    </row>
    <row r="190" spans="1:6" x14ac:dyDescent="0.25">
      <c r="A190">
        <v>110</v>
      </c>
      <c r="B190" t="s">
        <v>6</v>
      </c>
      <c r="C190" t="s">
        <v>7</v>
      </c>
      <c r="D190" t="s">
        <v>8</v>
      </c>
      <c r="E190" t="s">
        <v>31</v>
      </c>
      <c r="F190" s="1">
        <v>0</v>
      </c>
    </row>
    <row r="191" spans="1:6" x14ac:dyDescent="0.25">
      <c r="A191">
        <v>110</v>
      </c>
      <c r="B191" t="s">
        <v>6</v>
      </c>
      <c r="C191" t="s">
        <v>7</v>
      </c>
      <c r="D191" t="s">
        <v>8</v>
      </c>
      <c r="E191" t="s">
        <v>31</v>
      </c>
      <c r="F191" s="1">
        <v>-8</v>
      </c>
    </row>
    <row r="192" spans="1:6" x14ac:dyDescent="0.25">
      <c r="A192">
        <v>110</v>
      </c>
      <c r="B192" t="s">
        <v>6</v>
      </c>
      <c r="C192" t="s">
        <v>7</v>
      </c>
      <c r="D192" t="s">
        <v>8</v>
      </c>
      <c r="E192" t="s">
        <v>31</v>
      </c>
      <c r="F192" s="1">
        <v>-561</v>
      </c>
    </row>
    <row r="193" spans="1:6" x14ac:dyDescent="0.25">
      <c r="A193">
        <v>110</v>
      </c>
      <c r="B193" t="s">
        <v>6</v>
      </c>
      <c r="C193" t="s">
        <v>7</v>
      </c>
      <c r="D193" t="s">
        <v>8</v>
      </c>
      <c r="E193" t="s">
        <v>31</v>
      </c>
      <c r="F193" s="1">
        <v>-131</v>
      </c>
    </row>
    <row r="194" spans="1:6" x14ac:dyDescent="0.25">
      <c r="A194">
        <v>110</v>
      </c>
      <c r="B194" t="s">
        <v>6</v>
      </c>
      <c r="C194" t="s">
        <v>7</v>
      </c>
      <c r="D194" t="s">
        <v>8</v>
      </c>
      <c r="E194" t="s">
        <v>31</v>
      </c>
      <c r="F194" s="1">
        <v>-151</v>
      </c>
    </row>
    <row r="195" spans="1:6" x14ac:dyDescent="0.25">
      <c r="A195">
        <v>110</v>
      </c>
      <c r="B195" t="s">
        <v>6</v>
      </c>
      <c r="C195" t="s">
        <v>7</v>
      </c>
      <c r="D195" t="s">
        <v>8</v>
      </c>
      <c r="E195" t="s">
        <v>31</v>
      </c>
      <c r="F195" s="1">
        <v>6519</v>
      </c>
    </row>
    <row r="196" spans="1:6" x14ac:dyDescent="0.25">
      <c r="A196">
        <v>110</v>
      </c>
      <c r="B196" t="s">
        <v>6</v>
      </c>
      <c r="C196" t="s">
        <v>7</v>
      </c>
      <c r="D196" t="s">
        <v>8</v>
      </c>
      <c r="E196" t="s">
        <v>31</v>
      </c>
      <c r="F196" s="1">
        <v>1857</v>
      </c>
    </row>
    <row r="197" spans="1:6" x14ac:dyDescent="0.25">
      <c r="A197">
        <v>110</v>
      </c>
      <c r="B197" t="s">
        <v>6</v>
      </c>
      <c r="C197" t="s">
        <v>7</v>
      </c>
      <c r="D197" t="s">
        <v>8</v>
      </c>
      <c r="E197" t="s">
        <v>31</v>
      </c>
      <c r="F197" s="1">
        <v>-13</v>
      </c>
    </row>
    <row r="198" spans="1:6" x14ac:dyDescent="0.25">
      <c r="A198">
        <v>110</v>
      </c>
      <c r="B198" t="s">
        <v>6</v>
      </c>
      <c r="C198" t="s">
        <v>7</v>
      </c>
      <c r="D198" t="s">
        <v>8</v>
      </c>
      <c r="E198" t="s">
        <v>31</v>
      </c>
      <c r="F198" s="1">
        <v>-1816</v>
      </c>
    </row>
    <row r="199" spans="1:6" x14ac:dyDescent="0.25">
      <c r="A199">
        <v>110</v>
      </c>
      <c r="B199" t="s">
        <v>6</v>
      </c>
      <c r="C199" t="s">
        <v>7</v>
      </c>
      <c r="D199" t="s">
        <v>8</v>
      </c>
      <c r="E199" t="s">
        <v>31</v>
      </c>
      <c r="F199" s="1">
        <v>-28</v>
      </c>
    </row>
    <row r="200" spans="1:6" x14ac:dyDescent="0.25">
      <c r="A200">
        <v>110</v>
      </c>
      <c r="B200" t="s">
        <v>6</v>
      </c>
      <c r="C200" t="s">
        <v>7</v>
      </c>
      <c r="D200" t="s">
        <v>8</v>
      </c>
      <c r="E200" t="s">
        <v>31</v>
      </c>
      <c r="F200" s="1">
        <v>116</v>
      </c>
    </row>
    <row r="201" spans="1:6" x14ac:dyDescent="0.25">
      <c r="A201">
        <v>110</v>
      </c>
      <c r="B201" t="s">
        <v>6</v>
      </c>
      <c r="C201" t="s">
        <v>7</v>
      </c>
      <c r="D201" t="s">
        <v>8</v>
      </c>
      <c r="E201" t="s">
        <v>31</v>
      </c>
      <c r="F201" s="1">
        <v>-116</v>
      </c>
    </row>
    <row r="202" spans="1:6" x14ac:dyDescent="0.25">
      <c r="A202">
        <v>110</v>
      </c>
      <c r="B202" t="s">
        <v>6</v>
      </c>
      <c r="C202" t="s">
        <v>7</v>
      </c>
      <c r="D202" t="s">
        <v>8</v>
      </c>
      <c r="E202" t="s">
        <v>32</v>
      </c>
      <c r="F202" s="1">
        <v>7762</v>
      </c>
    </row>
    <row r="203" spans="1:6" x14ac:dyDescent="0.25">
      <c r="A203">
        <v>110</v>
      </c>
      <c r="B203" t="s">
        <v>6</v>
      </c>
      <c r="C203" t="s">
        <v>7</v>
      </c>
      <c r="D203" t="s">
        <v>8</v>
      </c>
      <c r="E203" t="s">
        <v>32</v>
      </c>
      <c r="F203" s="1">
        <v>-174</v>
      </c>
    </row>
    <row r="204" spans="1:6" x14ac:dyDescent="0.25">
      <c r="A204">
        <v>110</v>
      </c>
      <c r="B204" t="s">
        <v>6</v>
      </c>
      <c r="C204" t="s">
        <v>7</v>
      </c>
      <c r="D204" t="s">
        <v>8</v>
      </c>
      <c r="E204" t="s">
        <v>32</v>
      </c>
      <c r="F204" s="1">
        <v>-113</v>
      </c>
    </row>
    <row r="205" spans="1:6" x14ac:dyDescent="0.25">
      <c r="A205">
        <v>110</v>
      </c>
      <c r="B205" t="s">
        <v>6</v>
      </c>
      <c r="C205" t="s">
        <v>7</v>
      </c>
      <c r="D205" t="s">
        <v>8</v>
      </c>
      <c r="E205" t="s">
        <v>32</v>
      </c>
      <c r="F205" s="1">
        <v>0</v>
      </c>
    </row>
    <row r="206" spans="1:6" x14ac:dyDescent="0.25">
      <c r="A206">
        <v>110</v>
      </c>
      <c r="B206" t="s">
        <v>6</v>
      </c>
      <c r="C206" t="s">
        <v>7</v>
      </c>
      <c r="D206" t="s">
        <v>8</v>
      </c>
      <c r="E206" t="s">
        <v>32</v>
      </c>
      <c r="F206" s="1">
        <v>-653</v>
      </c>
    </row>
    <row r="207" spans="1:6" x14ac:dyDescent="0.25">
      <c r="A207">
        <v>110</v>
      </c>
      <c r="B207" t="s">
        <v>6</v>
      </c>
      <c r="C207" t="s">
        <v>7</v>
      </c>
      <c r="D207" t="s">
        <v>8</v>
      </c>
      <c r="E207" t="s">
        <v>32</v>
      </c>
      <c r="F207" s="1">
        <v>-110</v>
      </c>
    </row>
    <row r="208" spans="1:6" x14ac:dyDescent="0.25">
      <c r="A208">
        <v>110</v>
      </c>
      <c r="B208" t="s">
        <v>6</v>
      </c>
      <c r="C208" t="s">
        <v>7</v>
      </c>
      <c r="D208" t="s">
        <v>8</v>
      </c>
      <c r="E208" t="s">
        <v>32</v>
      </c>
      <c r="F208" s="1">
        <v>-3</v>
      </c>
    </row>
    <row r="209" spans="1:6" x14ac:dyDescent="0.25">
      <c r="A209">
        <v>110</v>
      </c>
      <c r="B209" t="s">
        <v>6</v>
      </c>
      <c r="C209" t="s">
        <v>7</v>
      </c>
      <c r="D209" t="s">
        <v>8</v>
      </c>
      <c r="E209" t="s">
        <v>32</v>
      </c>
      <c r="F209" s="1">
        <v>-19</v>
      </c>
    </row>
    <row r="210" spans="1:6" x14ac:dyDescent="0.25">
      <c r="A210">
        <v>110</v>
      </c>
      <c r="B210" t="s">
        <v>6</v>
      </c>
      <c r="C210" t="s">
        <v>7</v>
      </c>
      <c r="D210" t="s">
        <v>8</v>
      </c>
      <c r="E210" t="s">
        <v>32</v>
      </c>
      <c r="F210" s="1">
        <v>-2174</v>
      </c>
    </row>
    <row r="211" spans="1:6" x14ac:dyDescent="0.25">
      <c r="A211">
        <v>110</v>
      </c>
      <c r="B211" t="s">
        <v>6</v>
      </c>
      <c r="C211" t="s">
        <v>7</v>
      </c>
      <c r="D211" t="s">
        <v>8</v>
      </c>
      <c r="E211" t="s">
        <v>32</v>
      </c>
      <c r="F211" s="1">
        <v>2196</v>
      </c>
    </row>
    <row r="212" spans="1:6" x14ac:dyDescent="0.25">
      <c r="A212">
        <v>110</v>
      </c>
      <c r="B212" t="s">
        <v>6</v>
      </c>
      <c r="C212" t="s">
        <v>7</v>
      </c>
      <c r="D212" t="s">
        <v>8</v>
      </c>
      <c r="E212" t="s">
        <v>32</v>
      </c>
      <c r="F212" s="1">
        <v>137</v>
      </c>
    </row>
    <row r="213" spans="1:6" x14ac:dyDescent="0.25">
      <c r="A213">
        <v>110</v>
      </c>
      <c r="B213" t="s">
        <v>6</v>
      </c>
      <c r="C213" t="s">
        <v>7</v>
      </c>
      <c r="D213" t="s">
        <v>8</v>
      </c>
      <c r="E213" t="s">
        <v>32</v>
      </c>
      <c r="F213" s="1">
        <v>-137</v>
      </c>
    </row>
    <row r="214" spans="1:6" x14ac:dyDescent="0.25">
      <c r="A214">
        <v>110</v>
      </c>
      <c r="B214" t="s">
        <v>6</v>
      </c>
      <c r="C214" t="s">
        <v>7</v>
      </c>
      <c r="D214" t="s">
        <v>8</v>
      </c>
      <c r="E214" t="s">
        <v>33</v>
      </c>
      <c r="F214" s="1">
        <v>7935</v>
      </c>
    </row>
    <row r="215" spans="1:6" x14ac:dyDescent="0.25">
      <c r="A215">
        <v>110</v>
      </c>
      <c r="B215" t="s">
        <v>6</v>
      </c>
      <c r="C215" t="s">
        <v>7</v>
      </c>
      <c r="D215" t="s">
        <v>8</v>
      </c>
      <c r="E215" t="s">
        <v>33</v>
      </c>
      <c r="F215" s="1">
        <v>-108</v>
      </c>
    </row>
    <row r="216" spans="1:6" x14ac:dyDescent="0.25">
      <c r="A216">
        <v>110</v>
      </c>
      <c r="B216" t="s">
        <v>6</v>
      </c>
      <c r="C216" t="s">
        <v>7</v>
      </c>
      <c r="D216" t="s">
        <v>8</v>
      </c>
      <c r="E216" t="s">
        <v>33</v>
      </c>
      <c r="F216" s="1">
        <v>-174</v>
      </c>
    </row>
    <row r="217" spans="1:6" x14ac:dyDescent="0.25">
      <c r="A217">
        <v>110</v>
      </c>
      <c r="B217" t="s">
        <v>6</v>
      </c>
      <c r="C217" t="s">
        <v>7</v>
      </c>
      <c r="D217" t="s">
        <v>8</v>
      </c>
      <c r="E217" t="s">
        <v>33</v>
      </c>
      <c r="F217" s="1">
        <v>-659</v>
      </c>
    </row>
    <row r="218" spans="1:6" x14ac:dyDescent="0.25">
      <c r="A218">
        <v>110</v>
      </c>
      <c r="B218" t="s">
        <v>6</v>
      </c>
      <c r="C218" t="s">
        <v>7</v>
      </c>
      <c r="D218" t="s">
        <v>8</v>
      </c>
      <c r="E218" t="s">
        <v>33</v>
      </c>
      <c r="F218" s="1">
        <v>-231</v>
      </c>
    </row>
    <row r="219" spans="1:6" x14ac:dyDescent="0.25">
      <c r="A219">
        <v>110</v>
      </c>
      <c r="B219" t="s">
        <v>6</v>
      </c>
      <c r="C219" t="s">
        <v>7</v>
      </c>
      <c r="D219" t="s">
        <v>8</v>
      </c>
      <c r="E219" t="s">
        <v>33</v>
      </c>
      <c r="F219" s="1">
        <v>0</v>
      </c>
    </row>
    <row r="220" spans="1:6" x14ac:dyDescent="0.25">
      <c r="A220">
        <v>110</v>
      </c>
      <c r="B220" t="s">
        <v>6</v>
      </c>
      <c r="C220" t="s">
        <v>7</v>
      </c>
      <c r="D220" t="s">
        <v>8</v>
      </c>
      <c r="E220" t="s">
        <v>33</v>
      </c>
      <c r="F220" s="1">
        <v>-2164</v>
      </c>
    </row>
    <row r="221" spans="1:6" x14ac:dyDescent="0.25">
      <c r="A221">
        <v>110</v>
      </c>
      <c r="B221" t="s">
        <v>6</v>
      </c>
      <c r="C221" t="s">
        <v>7</v>
      </c>
      <c r="D221" t="s">
        <v>8</v>
      </c>
      <c r="E221" t="s">
        <v>33</v>
      </c>
      <c r="F221" s="1">
        <v>-113</v>
      </c>
    </row>
    <row r="222" spans="1:6" x14ac:dyDescent="0.25">
      <c r="A222">
        <v>110</v>
      </c>
      <c r="B222" t="s">
        <v>6</v>
      </c>
      <c r="C222" t="s">
        <v>7</v>
      </c>
      <c r="D222" t="s">
        <v>8</v>
      </c>
      <c r="E222" t="s">
        <v>33</v>
      </c>
      <c r="F222" s="1">
        <v>-197</v>
      </c>
    </row>
    <row r="223" spans="1:6" x14ac:dyDescent="0.25">
      <c r="A223">
        <v>110</v>
      </c>
      <c r="B223" t="s">
        <v>6</v>
      </c>
      <c r="C223" t="s">
        <v>7</v>
      </c>
      <c r="D223" t="s">
        <v>8</v>
      </c>
      <c r="E223" t="s">
        <v>33</v>
      </c>
      <c r="F223" s="1">
        <v>2474</v>
      </c>
    </row>
    <row r="224" spans="1:6" x14ac:dyDescent="0.25">
      <c r="A224">
        <v>110</v>
      </c>
      <c r="B224" t="s">
        <v>6</v>
      </c>
      <c r="C224" t="s">
        <v>7</v>
      </c>
      <c r="D224" t="s">
        <v>8</v>
      </c>
      <c r="E224" t="s">
        <v>33</v>
      </c>
      <c r="F224" s="1">
        <v>-145</v>
      </c>
    </row>
    <row r="225" spans="1:6" x14ac:dyDescent="0.25">
      <c r="A225">
        <v>110</v>
      </c>
      <c r="B225" t="s">
        <v>6</v>
      </c>
      <c r="C225" t="s">
        <v>7</v>
      </c>
      <c r="D225" t="s">
        <v>8</v>
      </c>
      <c r="E225" t="s">
        <v>33</v>
      </c>
      <c r="F225" s="1">
        <v>-2</v>
      </c>
    </row>
    <row r="226" spans="1:6" x14ac:dyDescent="0.25">
      <c r="A226">
        <v>110</v>
      </c>
      <c r="B226" t="s">
        <v>6</v>
      </c>
      <c r="C226" t="s">
        <v>7</v>
      </c>
      <c r="D226" t="s">
        <v>8</v>
      </c>
      <c r="E226" t="s">
        <v>33</v>
      </c>
      <c r="F226" s="1">
        <v>-7</v>
      </c>
    </row>
    <row r="227" spans="1:6" x14ac:dyDescent="0.25">
      <c r="A227">
        <v>110</v>
      </c>
      <c r="B227" t="s">
        <v>6</v>
      </c>
      <c r="C227" t="s">
        <v>7</v>
      </c>
      <c r="D227" t="s">
        <v>8</v>
      </c>
      <c r="E227" t="s">
        <v>33</v>
      </c>
      <c r="F227" s="1">
        <v>154</v>
      </c>
    </row>
    <row r="228" spans="1:6" x14ac:dyDescent="0.25">
      <c r="A228">
        <v>110</v>
      </c>
      <c r="B228" t="s">
        <v>6</v>
      </c>
      <c r="C228" t="s">
        <v>7</v>
      </c>
      <c r="D228" t="s">
        <v>8</v>
      </c>
      <c r="E228" t="s">
        <v>34</v>
      </c>
      <c r="F228" s="1">
        <v>-79</v>
      </c>
    </row>
    <row r="229" spans="1:6" x14ac:dyDescent="0.25">
      <c r="A229">
        <v>110</v>
      </c>
      <c r="B229" t="s">
        <v>6</v>
      </c>
      <c r="C229" t="s">
        <v>7</v>
      </c>
      <c r="D229" t="s">
        <v>8</v>
      </c>
      <c r="E229" t="s">
        <v>34</v>
      </c>
      <c r="F229" s="1">
        <v>-8</v>
      </c>
    </row>
    <row r="230" spans="1:6" x14ac:dyDescent="0.25">
      <c r="A230">
        <v>110</v>
      </c>
      <c r="B230" t="s">
        <v>6</v>
      </c>
      <c r="C230" t="s">
        <v>7</v>
      </c>
      <c r="D230" t="s">
        <v>8</v>
      </c>
      <c r="E230" t="s">
        <v>34</v>
      </c>
      <c r="F230" s="1">
        <v>0</v>
      </c>
    </row>
    <row r="231" spans="1:6" x14ac:dyDescent="0.25">
      <c r="A231">
        <v>110</v>
      </c>
      <c r="B231" t="s">
        <v>6</v>
      </c>
      <c r="C231" t="s">
        <v>7</v>
      </c>
      <c r="D231" t="s">
        <v>8</v>
      </c>
      <c r="E231" t="s">
        <v>34</v>
      </c>
      <c r="F231" s="1">
        <v>-565</v>
      </c>
    </row>
    <row r="232" spans="1:6" x14ac:dyDescent="0.25">
      <c r="A232">
        <v>110</v>
      </c>
      <c r="B232" t="s">
        <v>6</v>
      </c>
      <c r="C232" t="s">
        <v>7</v>
      </c>
      <c r="D232" t="s">
        <v>8</v>
      </c>
      <c r="E232" t="s">
        <v>34</v>
      </c>
      <c r="F232" s="1">
        <v>-143</v>
      </c>
    </row>
    <row r="233" spans="1:6" x14ac:dyDescent="0.25">
      <c r="A233">
        <v>110</v>
      </c>
      <c r="B233" t="s">
        <v>6</v>
      </c>
      <c r="C233" t="s">
        <v>7</v>
      </c>
      <c r="D233" t="s">
        <v>8</v>
      </c>
      <c r="E233" t="s">
        <v>34</v>
      </c>
      <c r="F233" s="1">
        <v>6719</v>
      </c>
    </row>
    <row r="234" spans="1:6" x14ac:dyDescent="0.25">
      <c r="A234">
        <v>110</v>
      </c>
      <c r="B234" t="s">
        <v>6</v>
      </c>
      <c r="C234" t="s">
        <v>7</v>
      </c>
      <c r="D234" t="s">
        <v>8</v>
      </c>
      <c r="E234" t="s">
        <v>34</v>
      </c>
      <c r="F234" s="1">
        <v>2510</v>
      </c>
    </row>
    <row r="235" spans="1:6" x14ac:dyDescent="0.25">
      <c r="A235">
        <v>110</v>
      </c>
      <c r="B235" t="s">
        <v>6</v>
      </c>
      <c r="C235" t="s">
        <v>7</v>
      </c>
      <c r="D235" t="s">
        <v>8</v>
      </c>
      <c r="E235" t="s">
        <v>34</v>
      </c>
      <c r="F235" s="1">
        <v>-183</v>
      </c>
    </row>
    <row r="236" spans="1:6" x14ac:dyDescent="0.25">
      <c r="A236">
        <v>110</v>
      </c>
      <c r="B236" t="s">
        <v>6</v>
      </c>
      <c r="C236" t="s">
        <v>7</v>
      </c>
      <c r="D236" t="s">
        <v>8</v>
      </c>
      <c r="E236" t="s">
        <v>34</v>
      </c>
      <c r="F236" s="1">
        <v>-566</v>
      </c>
    </row>
    <row r="237" spans="1:6" x14ac:dyDescent="0.25">
      <c r="A237">
        <v>110</v>
      </c>
      <c r="B237" t="s">
        <v>6</v>
      </c>
      <c r="C237" t="s">
        <v>7</v>
      </c>
      <c r="D237" t="s">
        <v>8</v>
      </c>
      <c r="E237" t="s">
        <v>34</v>
      </c>
      <c r="F237" s="1">
        <v>-1761</v>
      </c>
    </row>
    <row r="238" spans="1:6" x14ac:dyDescent="0.25">
      <c r="A238">
        <v>110</v>
      </c>
      <c r="B238" t="s">
        <v>6</v>
      </c>
      <c r="C238" t="s">
        <v>7</v>
      </c>
      <c r="D238" t="s">
        <v>8</v>
      </c>
      <c r="E238" t="s">
        <v>34</v>
      </c>
      <c r="F238" s="1">
        <v>156</v>
      </c>
    </row>
    <row r="239" spans="1:6" x14ac:dyDescent="0.25">
      <c r="A239">
        <v>110</v>
      </c>
      <c r="B239" t="s">
        <v>6</v>
      </c>
      <c r="C239" t="s">
        <v>7</v>
      </c>
      <c r="D239" t="s">
        <v>8</v>
      </c>
      <c r="E239" t="s">
        <v>34</v>
      </c>
      <c r="F239" s="1">
        <v>-21</v>
      </c>
    </row>
    <row r="240" spans="1:6" x14ac:dyDescent="0.25">
      <c r="A240">
        <v>110</v>
      </c>
      <c r="B240" t="s">
        <v>6</v>
      </c>
      <c r="C240" t="s">
        <v>7</v>
      </c>
      <c r="D240" t="s">
        <v>8</v>
      </c>
      <c r="E240" t="s">
        <v>34</v>
      </c>
      <c r="F240" s="1">
        <v>-132</v>
      </c>
    </row>
    <row r="241" spans="1:6" x14ac:dyDescent="0.25">
      <c r="A241">
        <v>110</v>
      </c>
      <c r="B241" t="s">
        <v>6</v>
      </c>
      <c r="C241" t="s">
        <v>7</v>
      </c>
      <c r="D241" t="s">
        <v>8</v>
      </c>
      <c r="E241" t="s">
        <v>34</v>
      </c>
      <c r="F241" s="1">
        <v>-3</v>
      </c>
    </row>
    <row r="242" spans="1:6" x14ac:dyDescent="0.25">
      <c r="A242">
        <v>110</v>
      </c>
      <c r="B242" t="s">
        <v>6</v>
      </c>
      <c r="C242" t="s">
        <v>7</v>
      </c>
      <c r="D242" t="s">
        <v>8</v>
      </c>
      <c r="E242" t="s">
        <v>35</v>
      </c>
      <c r="F242" s="1">
        <v>-123</v>
      </c>
    </row>
    <row r="243" spans="1:6" x14ac:dyDescent="0.25">
      <c r="A243">
        <v>110</v>
      </c>
      <c r="B243" t="s">
        <v>6</v>
      </c>
      <c r="C243" t="s">
        <v>7</v>
      </c>
      <c r="D243" t="s">
        <v>8</v>
      </c>
      <c r="E243" t="s">
        <v>35</v>
      </c>
      <c r="F243" s="1">
        <v>-494</v>
      </c>
    </row>
    <row r="244" spans="1:6" x14ac:dyDescent="0.25">
      <c r="A244">
        <v>110</v>
      </c>
      <c r="B244" t="s">
        <v>6</v>
      </c>
      <c r="C244" t="s">
        <v>7</v>
      </c>
      <c r="D244" t="s">
        <v>8</v>
      </c>
      <c r="E244" t="s">
        <v>35</v>
      </c>
      <c r="F244" s="1">
        <v>-8</v>
      </c>
    </row>
    <row r="245" spans="1:6" x14ac:dyDescent="0.25">
      <c r="A245">
        <v>110</v>
      </c>
      <c r="B245" t="s">
        <v>6</v>
      </c>
      <c r="C245" t="s">
        <v>7</v>
      </c>
      <c r="D245" t="s">
        <v>8</v>
      </c>
      <c r="E245" t="s">
        <v>35</v>
      </c>
      <c r="F245" s="1">
        <v>0</v>
      </c>
    </row>
    <row r="246" spans="1:6" x14ac:dyDescent="0.25">
      <c r="A246">
        <v>110</v>
      </c>
      <c r="B246" t="s">
        <v>6</v>
      </c>
      <c r="C246" t="s">
        <v>7</v>
      </c>
      <c r="D246" t="s">
        <v>8</v>
      </c>
      <c r="E246" t="s">
        <v>35</v>
      </c>
      <c r="F246" s="1">
        <v>-914</v>
      </c>
    </row>
    <row r="247" spans="1:6" x14ac:dyDescent="0.25">
      <c r="A247">
        <v>110</v>
      </c>
      <c r="B247" t="s">
        <v>6</v>
      </c>
      <c r="C247" t="s">
        <v>7</v>
      </c>
      <c r="D247" t="s">
        <v>8</v>
      </c>
      <c r="E247" t="s">
        <v>35</v>
      </c>
      <c r="F247" s="1">
        <v>6757</v>
      </c>
    </row>
    <row r="248" spans="1:6" x14ac:dyDescent="0.25">
      <c r="A248">
        <v>110</v>
      </c>
      <c r="B248" t="s">
        <v>6</v>
      </c>
      <c r="C248" t="s">
        <v>7</v>
      </c>
      <c r="D248" t="s">
        <v>8</v>
      </c>
      <c r="E248" t="s">
        <v>35</v>
      </c>
      <c r="F248" s="1">
        <v>-1808</v>
      </c>
    </row>
    <row r="249" spans="1:6" x14ac:dyDescent="0.25">
      <c r="A249">
        <v>110</v>
      </c>
      <c r="B249" t="s">
        <v>6</v>
      </c>
      <c r="C249" t="s">
        <v>7</v>
      </c>
      <c r="D249" t="s">
        <v>8</v>
      </c>
      <c r="E249" t="s">
        <v>35</v>
      </c>
      <c r="F249" s="1">
        <v>-501</v>
      </c>
    </row>
    <row r="250" spans="1:6" x14ac:dyDescent="0.25">
      <c r="A250">
        <v>110</v>
      </c>
      <c r="B250" t="s">
        <v>6</v>
      </c>
      <c r="C250" t="s">
        <v>7</v>
      </c>
      <c r="D250" t="s">
        <v>8</v>
      </c>
      <c r="E250" t="s">
        <v>35</v>
      </c>
      <c r="F250" s="1">
        <v>-3</v>
      </c>
    </row>
    <row r="251" spans="1:6" x14ac:dyDescent="0.25">
      <c r="A251">
        <v>110</v>
      </c>
      <c r="B251" t="s">
        <v>6</v>
      </c>
      <c r="C251" t="s">
        <v>7</v>
      </c>
      <c r="D251" t="s">
        <v>8</v>
      </c>
      <c r="E251" t="s">
        <v>35</v>
      </c>
      <c r="F251" s="1">
        <v>2312</v>
      </c>
    </row>
    <row r="252" spans="1:6" x14ac:dyDescent="0.25">
      <c r="A252">
        <v>110</v>
      </c>
      <c r="B252" t="s">
        <v>6</v>
      </c>
      <c r="C252" t="s">
        <v>7</v>
      </c>
      <c r="D252" t="s">
        <v>8</v>
      </c>
      <c r="E252" t="s">
        <v>35</v>
      </c>
      <c r="F252" s="1">
        <v>-136</v>
      </c>
    </row>
    <row r="253" spans="1:6" x14ac:dyDescent="0.25">
      <c r="A253">
        <v>110</v>
      </c>
      <c r="B253" t="s">
        <v>6</v>
      </c>
      <c r="C253" t="s">
        <v>7</v>
      </c>
      <c r="D253" t="s">
        <v>8</v>
      </c>
      <c r="E253" t="s">
        <v>35</v>
      </c>
      <c r="F253" s="1">
        <v>144</v>
      </c>
    </row>
    <row r="254" spans="1:6" x14ac:dyDescent="0.25">
      <c r="A254">
        <v>110</v>
      </c>
      <c r="B254" t="s">
        <v>6</v>
      </c>
      <c r="C254" t="s">
        <v>7</v>
      </c>
      <c r="D254" t="s">
        <v>8</v>
      </c>
      <c r="E254" t="s">
        <v>35</v>
      </c>
      <c r="F254" s="1">
        <v>-8</v>
      </c>
    </row>
    <row r="255" spans="1:6" x14ac:dyDescent="0.25">
      <c r="A255">
        <v>110</v>
      </c>
      <c r="B255" t="s">
        <v>6</v>
      </c>
      <c r="C255" t="s">
        <v>7</v>
      </c>
      <c r="D255" t="s">
        <v>8</v>
      </c>
      <c r="E255" t="s">
        <v>36</v>
      </c>
      <c r="F255" s="1">
        <v>9085</v>
      </c>
    </row>
    <row r="256" spans="1:6" x14ac:dyDescent="0.25">
      <c r="A256">
        <v>110</v>
      </c>
      <c r="B256" t="s">
        <v>6</v>
      </c>
      <c r="C256" t="s">
        <v>7</v>
      </c>
      <c r="D256" t="s">
        <v>8</v>
      </c>
      <c r="E256" t="s">
        <v>36</v>
      </c>
      <c r="F256" s="1">
        <v>-185</v>
      </c>
    </row>
    <row r="257" spans="1:6" x14ac:dyDescent="0.25">
      <c r="A257">
        <v>110</v>
      </c>
      <c r="B257" t="s">
        <v>6</v>
      </c>
      <c r="C257" t="s">
        <v>7</v>
      </c>
      <c r="D257" t="s">
        <v>8</v>
      </c>
      <c r="E257" t="s">
        <v>36</v>
      </c>
      <c r="F257" s="1">
        <v>-1</v>
      </c>
    </row>
    <row r="258" spans="1:6" x14ac:dyDescent="0.25">
      <c r="A258">
        <v>110</v>
      </c>
      <c r="B258" t="s">
        <v>6</v>
      </c>
      <c r="C258" t="s">
        <v>7</v>
      </c>
      <c r="D258" t="s">
        <v>8</v>
      </c>
      <c r="E258" t="s">
        <v>36</v>
      </c>
      <c r="F258" s="1">
        <v>-6699</v>
      </c>
    </row>
    <row r="259" spans="1:6" x14ac:dyDescent="0.25">
      <c r="A259">
        <v>110</v>
      </c>
      <c r="B259" t="s">
        <v>6</v>
      </c>
      <c r="C259" t="s">
        <v>7</v>
      </c>
      <c r="D259" t="s">
        <v>8</v>
      </c>
      <c r="E259" t="s">
        <v>36</v>
      </c>
      <c r="F259" s="1">
        <v>0</v>
      </c>
    </row>
    <row r="260" spans="1:6" x14ac:dyDescent="0.25">
      <c r="A260">
        <v>110</v>
      </c>
      <c r="B260" t="s">
        <v>6</v>
      </c>
      <c r="C260" t="s">
        <v>7</v>
      </c>
      <c r="D260" t="s">
        <v>8</v>
      </c>
      <c r="E260" t="s">
        <v>36</v>
      </c>
      <c r="F260" s="1">
        <v>-152</v>
      </c>
    </row>
    <row r="261" spans="1:6" x14ac:dyDescent="0.25">
      <c r="A261">
        <v>110</v>
      </c>
      <c r="B261" t="s">
        <v>6</v>
      </c>
      <c r="C261" t="s">
        <v>7</v>
      </c>
      <c r="D261" t="s">
        <v>8</v>
      </c>
      <c r="E261" t="s">
        <v>36</v>
      </c>
      <c r="F261" s="1">
        <v>2573</v>
      </c>
    </row>
    <row r="262" spans="1:6" x14ac:dyDescent="0.25">
      <c r="A262">
        <v>110</v>
      </c>
      <c r="B262" t="s">
        <v>6</v>
      </c>
      <c r="C262" t="s">
        <v>7</v>
      </c>
      <c r="D262" t="s">
        <v>8</v>
      </c>
      <c r="E262" t="s">
        <v>36</v>
      </c>
      <c r="F262" s="1">
        <v>-25</v>
      </c>
    </row>
    <row r="263" spans="1:6" x14ac:dyDescent="0.25">
      <c r="A263">
        <v>110</v>
      </c>
      <c r="B263" t="s">
        <v>6</v>
      </c>
      <c r="C263" t="s">
        <v>7</v>
      </c>
      <c r="D263" t="s">
        <v>8</v>
      </c>
      <c r="E263" t="s">
        <v>36</v>
      </c>
      <c r="F263" s="1">
        <v>-13</v>
      </c>
    </row>
    <row r="264" spans="1:6" x14ac:dyDescent="0.25">
      <c r="A264">
        <v>110</v>
      </c>
      <c r="B264" t="s">
        <v>6</v>
      </c>
      <c r="C264" t="s">
        <v>7</v>
      </c>
      <c r="D264" t="s">
        <v>8</v>
      </c>
      <c r="E264" t="s">
        <v>36</v>
      </c>
      <c r="F264" s="1">
        <v>-2535</v>
      </c>
    </row>
    <row r="265" spans="1:6" x14ac:dyDescent="0.25">
      <c r="A265">
        <v>110</v>
      </c>
      <c r="B265" t="s">
        <v>6</v>
      </c>
      <c r="C265" t="s">
        <v>7</v>
      </c>
      <c r="D265" t="s">
        <v>8</v>
      </c>
      <c r="E265" t="s">
        <v>36</v>
      </c>
      <c r="F265" s="1">
        <v>-160</v>
      </c>
    </row>
    <row r="266" spans="1:6" x14ac:dyDescent="0.25">
      <c r="A266">
        <v>110</v>
      </c>
      <c r="B266" t="s">
        <v>6</v>
      </c>
      <c r="C266" t="s">
        <v>7</v>
      </c>
      <c r="D266" t="s">
        <v>8</v>
      </c>
      <c r="E266" t="s">
        <v>36</v>
      </c>
      <c r="F266" s="1">
        <v>160</v>
      </c>
    </row>
    <row r="267" spans="1:6" x14ac:dyDescent="0.25">
      <c r="A267">
        <v>110</v>
      </c>
      <c r="B267" t="s">
        <v>6</v>
      </c>
      <c r="C267" t="s">
        <v>7</v>
      </c>
      <c r="D267" t="s">
        <v>8</v>
      </c>
      <c r="E267" t="s">
        <v>37</v>
      </c>
      <c r="F267" s="1">
        <v>1</v>
      </c>
    </row>
    <row r="268" spans="1:6" x14ac:dyDescent="0.25">
      <c r="A268">
        <v>110</v>
      </c>
      <c r="B268" t="s">
        <v>6</v>
      </c>
      <c r="C268" t="s">
        <v>7</v>
      </c>
      <c r="D268" t="s">
        <v>8</v>
      </c>
      <c r="E268" t="s">
        <v>37</v>
      </c>
      <c r="F268" s="1">
        <v>10050</v>
      </c>
    </row>
    <row r="269" spans="1:6" x14ac:dyDescent="0.25">
      <c r="A269">
        <v>110</v>
      </c>
      <c r="B269" t="s">
        <v>6</v>
      </c>
      <c r="C269" t="s">
        <v>7</v>
      </c>
      <c r="D269" t="s">
        <v>8</v>
      </c>
      <c r="E269" t="s">
        <v>37</v>
      </c>
      <c r="F269" s="1">
        <v>-13</v>
      </c>
    </row>
    <row r="270" spans="1:6" x14ac:dyDescent="0.25">
      <c r="A270">
        <v>110</v>
      </c>
      <c r="B270" t="s">
        <v>6</v>
      </c>
      <c r="C270" t="s">
        <v>7</v>
      </c>
      <c r="D270" t="s">
        <v>8</v>
      </c>
      <c r="E270" t="s">
        <v>37</v>
      </c>
      <c r="F270" s="1">
        <v>-197</v>
      </c>
    </row>
    <row r="271" spans="1:6" x14ac:dyDescent="0.25">
      <c r="A271">
        <v>110</v>
      </c>
      <c r="B271" t="s">
        <v>6</v>
      </c>
      <c r="C271" t="s">
        <v>7</v>
      </c>
      <c r="D271" t="s">
        <v>8</v>
      </c>
      <c r="E271" t="s">
        <v>37</v>
      </c>
      <c r="F271" s="1">
        <v>0</v>
      </c>
    </row>
    <row r="272" spans="1:6" x14ac:dyDescent="0.25">
      <c r="A272">
        <v>110</v>
      </c>
      <c r="B272" t="s">
        <v>6</v>
      </c>
      <c r="C272" t="s">
        <v>7</v>
      </c>
      <c r="D272" t="s">
        <v>8</v>
      </c>
      <c r="E272" t="s">
        <v>37</v>
      </c>
      <c r="F272" s="1">
        <v>-2891</v>
      </c>
    </row>
    <row r="273" spans="1:6" x14ac:dyDescent="0.25">
      <c r="A273">
        <v>110</v>
      </c>
      <c r="B273" t="s">
        <v>6</v>
      </c>
      <c r="C273" t="s">
        <v>7</v>
      </c>
      <c r="D273" t="s">
        <v>8</v>
      </c>
      <c r="E273" t="s">
        <v>37</v>
      </c>
      <c r="F273" s="1">
        <v>-575</v>
      </c>
    </row>
    <row r="274" spans="1:6" x14ac:dyDescent="0.25">
      <c r="A274">
        <v>110</v>
      </c>
      <c r="B274" t="s">
        <v>6</v>
      </c>
      <c r="C274" t="s">
        <v>7</v>
      </c>
      <c r="D274" t="s">
        <v>8</v>
      </c>
      <c r="E274" t="s">
        <v>37</v>
      </c>
      <c r="F274" s="1">
        <v>2832</v>
      </c>
    </row>
    <row r="275" spans="1:6" x14ac:dyDescent="0.25">
      <c r="A275">
        <v>110</v>
      </c>
      <c r="B275" t="s">
        <v>6</v>
      </c>
      <c r="C275" t="s">
        <v>7</v>
      </c>
      <c r="D275" t="s">
        <v>8</v>
      </c>
      <c r="E275" t="s">
        <v>37</v>
      </c>
      <c r="F275" s="1">
        <v>-3</v>
      </c>
    </row>
    <row r="276" spans="1:6" x14ac:dyDescent="0.25">
      <c r="A276">
        <v>110</v>
      </c>
      <c r="B276" t="s">
        <v>6</v>
      </c>
      <c r="C276" t="s">
        <v>7</v>
      </c>
      <c r="D276" t="s">
        <v>8</v>
      </c>
      <c r="E276" t="s">
        <v>37</v>
      </c>
      <c r="F276" s="1">
        <v>-2808</v>
      </c>
    </row>
    <row r="277" spans="1:6" x14ac:dyDescent="0.25">
      <c r="A277">
        <v>110</v>
      </c>
      <c r="B277" t="s">
        <v>6</v>
      </c>
      <c r="C277" t="s">
        <v>7</v>
      </c>
      <c r="D277" t="s">
        <v>8</v>
      </c>
      <c r="E277" t="s">
        <v>37</v>
      </c>
      <c r="F277" s="1">
        <v>-21</v>
      </c>
    </row>
    <row r="278" spans="1:6" x14ac:dyDescent="0.25">
      <c r="A278">
        <v>110</v>
      </c>
      <c r="B278" t="s">
        <v>6</v>
      </c>
      <c r="C278" t="s">
        <v>7</v>
      </c>
      <c r="D278" t="s">
        <v>8</v>
      </c>
      <c r="E278" t="s">
        <v>37</v>
      </c>
      <c r="F278" s="1">
        <v>176</v>
      </c>
    </row>
    <row r="279" spans="1:6" x14ac:dyDescent="0.25">
      <c r="A279">
        <v>110</v>
      </c>
      <c r="B279" t="s">
        <v>6</v>
      </c>
      <c r="C279" t="s">
        <v>7</v>
      </c>
      <c r="D279" t="s">
        <v>8</v>
      </c>
      <c r="E279" t="s">
        <v>37</v>
      </c>
      <c r="F279" s="1">
        <v>-176</v>
      </c>
    </row>
    <row r="280" spans="1:6" x14ac:dyDescent="0.25">
      <c r="A280">
        <v>110</v>
      </c>
      <c r="B280" t="s">
        <v>6</v>
      </c>
      <c r="C280" t="s">
        <v>7</v>
      </c>
      <c r="D280" t="s">
        <v>8</v>
      </c>
      <c r="E280" t="s">
        <v>38</v>
      </c>
      <c r="F280" s="1">
        <v>-201</v>
      </c>
    </row>
    <row r="281" spans="1:6" x14ac:dyDescent="0.25">
      <c r="A281">
        <v>110</v>
      </c>
      <c r="B281" t="s">
        <v>6</v>
      </c>
      <c r="C281" t="s">
        <v>7</v>
      </c>
      <c r="D281" t="s">
        <v>8</v>
      </c>
      <c r="E281" t="s">
        <v>38</v>
      </c>
      <c r="F281" s="1">
        <v>0</v>
      </c>
    </row>
    <row r="282" spans="1:6" x14ac:dyDescent="0.25">
      <c r="A282">
        <v>110</v>
      </c>
      <c r="B282" t="s">
        <v>6</v>
      </c>
      <c r="C282" t="s">
        <v>7</v>
      </c>
      <c r="D282" t="s">
        <v>8</v>
      </c>
      <c r="E282" t="s">
        <v>38</v>
      </c>
      <c r="F282" s="1">
        <v>-3</v>
      </c>
    </row>
    <row r="283" spans="1:6" x14ac:dyDescent="0.25">
      <c r="A283">
        <v>110</v>
      </c>
      <c r="B283" t="s">
        <v>6</v>
      </c>
      <c r="C283" t="s">
        <v>7</v>
      </c>
      <c r="D283" t="s">
        <v>8</v>
      </c>
      <c r="E283" t="s">
        <v>38</v>
      </c>
      <c r="F283" s="1">
        <v>0</v>
      </c>
    </row>
    <row r="284" spans="1:6" x14ac:dyDescent="0.25">
      <c r="A284">
        <v>110</v>
      </c>
      <c r="B284" t="s">
        <v>6</v>
      </c>
      <c r="C284" t="s">
        <v>7</v>
      </c>
      <c r="D284" t="s">
        <v>8</v>
      </c>
      <c r="E284" t="s">
        <v>38</v>
      </c>
      <c r="F284" s="1">
        <v>-266</v>
      </c>
    </row>
    <row r="285" spans="1:6" x14ac:dyDescent="0.25">
      <c r="A285">
        <v>110</v>
      </c>
      <c r="B285" t="s">
        <v>6</v>
      </c>
      <c r="C285" t="s">
        <v>7</v>
      </c>
      <c r="D285" t="s">
        <v>8</v>
      </c>
      <c r="E285" t="s">
        <v>38</v>
      </c>
      <c r="F285" s="1">
        <v>-1460</v>
      </c>
    </row>
    <row r="286" spans="1:6" x14ac:dyDescent="0.25">
      <c r="A286">
        <v>110</v>
      </c>
      <c r="B286" t="s">
        <v>6</v>
      </c>
      <c r="C286" t="s">
        <v>7</v>
      </c>
      <c r="D286" t="s">
        <v>8</v>
      </c>
      <c r="E286" t="s">
        <v>38</v>
      </c>
      <c r="F286" s="1">
        <v>-682</v>
      </c>
    </row>
    <row r="287" spans="1:6" x14ac:dyDescent="0.25">
      <c r="A287">
        <v>110</v>
      </c>
      <c r="B287" t="s">
        <v>6</v>
      </c>
      <c r="C287" t="s">
        <v>7</v>
      </c>
      <c r="D287" t="s">
        <v>8</v>
      </c>
      <c r="E287" t="s">
        <v>38</v>
      </c>
      <c r="F287" s="1">
        <v>10629</v>
      </c>
    </row>
    <row r="288" spans="1:6" x14ac:dyDescent="0.25">
      <c r="A288">
        <v>110</v>
      </c>
      <c r="B288" t="s">
        <v>6</v>
      </c>
      <c r="C288" t="s">
        <v>7</v>
      </c>
      <c r="D288" t="s">
        <v>8</v>
      </c>
      <c r="E288" t="s">
        <v>38</v>
      </c>
      <c r="F288" s="1">
        <v>-2967</v>
      </c>
    </row>
    <row r="289" spans="1:6" x14ac:dyDescent="0.25">
      <c r="A289">
        <v>110</v>
      </c>
      <c r="B289" t="s">
        <v>6</v>
      </c>
      <c r="C289" t="s">
        <v>7</v>
      </c>
      <c r="D289" t="s">
        <v>8</v>
      </c>
      <c r="E289" t="s">
        <v>38</v>
      </c>
      <c r="F289" s="1">
        <v>3007</v>
      </c>
    </row>
    <row r="290" spans="1:6" x14ac:dyDescent="0.25">
      <c r="A290">
        <v>110</v>
      </c>
      <c r="B290" t="s">
        <v>6</v>
      </c>
      <c r="C290" t="s">
        <v>7</v>
      </c>
      <c r="D290" t="s">
        <v>8</v>
      </c>
      <c r="E290" t="s">
        <v>38</v>
      </c>
      <c r="F290" s="1">
        <v>-20</v>
      </c>
    </row>
    <row r="291" spans="1:6" x14ac:dyDescent="0.25">
      <c r="A291">
        <v>110</v>
      </c>
      <c r="B291" t="s">
        <v>6</v>
      </c>
      <c r="C291" t="s">
        <v>7</v>
      </c>
      <c r="D291" t="s">
        <v>8</v>
      </c>
      <c r="E291" t="s">
        <v>38</v>
      </c>
      <c r="F291" s="1">
        <v>-20</v>
      </c>
    </row>
    <row r="292" spans="1:6" x14ac:dyDescent="0.25">
      <c r="A292">
        <v>110</v>
      </c>
      <c r="B292" t="s">
        <v>6</v>
      </c>
      <c r="C292" t="s">
        <v>7</v>
      </c>
      <c r="D292" t="s">
        <v>8</v>
      </c>
      <c r="E292" t="s">
        <v>38</v>
      </c>
      <c r="F292" s="1">
        <v>-186</v>
      </c>
    </row>
    <row r="293" spans="1:6" x14ac:dyDescent="0.25">
      <c r="A293">
        <v>110</v>
      </c>
      <c r="B293" t="s">
        <v>6</v>
      </c>
      <c r="C293" t="s">
        <v>7</v>
      </c>
      <c r="D293" t="s">
        <v>8</v>
      </c>
      <c r="E293" t="s">
        <v>38</v>
      </c>
      <c r="F293" s="1">
        <v>187</v>
      </c>
    </row>
    <row r="294" spans="1:6" x14ac:dyDescent="0.25">
      <c r="A294">
        <v>110</v>
      </c>
      <c r="B294" t="s">
        <v>6</v>
      </c>
      <c r="C294" t="s">
        <v>7</v>
      </c>
      <c r="D294" t="s">
        <v>8</v>
      </c>
      <c r="E294" t="s">
        <v>38</v>
      </c>
      <c r="F294" s="1">
        <v>-1</v>
      </c>
    </row>
    <row r="295" spans="1:6" x14ac:dyDescent="0.25">
      <c r="A295">
        <v>110</v>
      </c>
      <c r="B295" t="s">
        <v>6</v>
      </c>
      <c r="C295" t="s">
        <v>7</v>
      </c>
      <c r="D295" t="s">
        <v>8</v>
      </c>
      <c r="E295" t="s">
        <v>39</v>
      </c>
      <c r="F295" s="1">
        <v>0</v>
      </c>
    </row>
    <row r="296" spans="1:6" x14ac:dyDescent="0.25">
      <c r="A296">
        <v>110</v>
      </c>
      <c r="B296" t="s">
        <v>6</v>
      </c>
      <c r="C296" t="s">
        <v>7</v>
      </c>
      <c r="D296" t="s">
        <v>8</v>
      </c>
      <c r="E296" t="s">
        <v>39</v>
      </c>
      <c r="F296" s="1">
        <v>0</v>
      </c>
    </row>
    <row r="297" spans="1:6" x14ac:dyDescent="0.25">
      <c r="A297">
        <v>110</v>
      </c>
      <c r="B297" t="s">
        <v>6</v>
      </c>
      <c r="C297" t="s">
        <v>7</v>
      </c>
      <c r="D297" t="s">
        <v>8</v>
      </c>
      <c r="E297" t="s">
        <v>39</v>
      </c>
      <c r="F297" s="1">
        <v>10573</v>
      </c>
    </row>
    <row r="298" spans="1:6" x14ac:dyDescent="0.25">
      <c r="A298">
        <v>110</v>
      </c>
      <c r="B298" t="s">
        <v>6</v>
      </c>
      <c r="C298" t="s">
        <v>7</v>
      </c>
      <c r="D298" t="s">
        <v>8</v>
      </c>
      <c r="E298" t="s">
        <v>39</v>
      </c>
      <c r="F298" s="1">
        <v>-142</v>
      </c>
    </row>
    <row r="299" spans="1:6" x14ac:dyDescent="0.25">
      <c r="A299">
        <v>110</v>
      </c>
      <c r="B299" t="s">
        <v>6</v>
      </c>
      <c r="C299" t="s">
        <v>7</v>
      </c>
      <c r="D299" t="s">
        <v>8</v>
      </c>
      <c r="E299" t="s">
        <v>39</v>
      </c>
      <c r="F299" s="1">
        <v>-194</v>
      </c>
    </row>
    <row r="300" spans="1:6" x14ac:dyDescent="0.25">
      <c r="A300">
        <v>110</v>
      </c>
      <c r="B300" t="s">
        <v>6</v>
      </c>
      <c r="C300" t="s">
        <v>7</v>
      </c>
      <c r="D300" t="s">
        <v>8</v>
      </c>
      <c r="E300" t="s">
        <v>39</v>
      </c>
      <c r="F300" s="1">
        <v>-900</v>
      </c>
    </row>
    <row r="301" spans="1:6" x14ac:dyDescent="0.25">
      <c r="A301">
        <v>110</v>
      </c>
      <c r="B301" t="s">
        <v>6</v>
      </c>
      <c r="C301" t="s">
        <v>7</v>
      </c>
      <c r="D301" t="s">
        <v>8</v>
      </c>
      <c r="E301" t="s">
        <v>39</v>
      </c>
      <c r="F301" s="1">
        <v>-714</v>
      </c>
    </row>
    <row r="302" spans="1:6" x14ac:dyDescent="0.25">
      <c r="A302">
        <v>110</v>
      </c>
      <c r="B302" t="s">
        <v>6</v>
      </c>
      <c r="C302" t="s">
        <v>7</v>
      </c>
      <c r="D302" t="s">
        <v>8</v>
      </c>
      <c r="E302" t="s">
        <v>39</v>
      </c>
      <c r="F302" s="1">
        <v>-29</v>
      </c>
    </row>
    <row r="303" spans="1:6" x14ac:dyDescent="0.25">
      <c r="A303">
        <v>110</v>
      </c>
      <c r="B303" t="s">
        <v>6</v>
      </c>
      <c r="C303" t="s">
        <v>7</v>
      </c>
      <c r="D303" t="s">
        <v>8</v>
      </c>
      <c r="E303" t="s">
        <v>39</v>
      </c>
      <c r="F303" s="1">
        <v>-2930</v>
      </c>
    </row>
    <row r="304" spans="1:6" x14ac:dyDescent="0.25">
      <c r="A304">
        <v>110</v>
      </c>
      <c r="B304" t="s">
        <v>6</v>
      </c>
      <c r="C304" t="s">
        <v>7</v>
      </c>
      <c r="D304" t="s">
        <v>8</v>
      </c>
      <c r="E304" t="s">
        <v>39</v>
      </c>
      <c r="F304" s="1">
        <v>-117</v>
      </c>
    </row>
    <row r="305" spans="1:6" x14ac:dyDescent="0.25">
      <c r="A305">
        <v>110</v>
      </c>
      <c r="B305" t="s">
        <v>6</v>
      </c>
      <c r="C305" t="s">
        <v>7</v>
      </c>
      <c r="D305" t="s">
        <v>8</v>
      </c>
      <c r="E305" t="s">
        <v>39</v>
      </c>
      <c r="F305" s="1">
        <v>3076</v>
      </c>
    </row>
    <row r="306" spans="1:6" x14ac:dyDescent="0.25">
      <c r="A306">
        <v>110</v>
      </c>
      <c r="B306" t="s">
        <v>6</v>
      </c>
      <c r="C306" t="s">
        <v>7</v>
      </c>
      <c r="D306" t="s">
        <v>8</v>
      </c>
      <c r="E306" t="s">
        <v>39</v>
      </c>
      <c r="F306" s="1">
        <v>-1</v>
      </c>
    </row>
    <row r="307" spans="1:6" x14ac:dyDescent="0.25">
      <c r="A307">
        <v>110</v>
      </c>
      <c r="B307" t="s">
        <v>6</v>
      </c>
      <c r="C307" t="s">
        <v>7</v>
      </c>
      <c r="D307" t="s">
        <v>8</v>
      </c>
      <c r="E307" t="s">
        <v>39</v>
      </c>
      <c r="F307" s="1">
        <v>191</v>
      </c>
    </row>
    <row r="308" spans="1:6" x14ac:dyDescent="0.25">
      <c r="A308">
        <v>110</v>
      </c>
      <c r="B308" t="s">
        <v>6</v>
      </c>
      <c r="C308" t="s">
        <v>7</v>
      </c>
      <c r="D308" t="s">
        <v>8</v>
      </c>
      <c r="E308" t="s">
        <v>39</v>
      </c>
      <c r="F308" s="1">
        <v>-3</v>
      </c>
    </row>
    <row r="309" spans="1:6" x14ac:dyDescent="0.25">
      <c r="A309">
        <v>110</v>
      </c>
      <c r="B309" t="s">
        <v>6</v>
      </c>
      <c r="C309" t="s">
        <v>7</v>
      </c>
      <c r="D309" t="s">
        <v>8</v>
      </c>
      <c r="E309" t="s">
        <v>39</v>
      </c>
      <c r="F309" s="1">
        <v>-187</v>
      </c>
    </row>
    <row r="310" spans="1:6" x14ac:dyDescent="0.25">
      <c r="A310">
        <v>110</v>
      </c>
      <c r="B310" t="s">
        <v>6</v>
      </c>
      <c r="C310" t="s">
        <v>7</v>
      </c>
      <c r="D310" t="s">
        <v>8</v>
      </c>
      <c r="E310" t="s">
        <v>40</v>
      </c>
      <c r="F310" s="1">
        <v>-351</v>
      </c>
    </row>
    <row r="311" spans="1:6" x14ac:dyDescent="0.25">
      <c r="A311">
        <v>110</v>
      </c>
      <c r="B311" t="s">
        <v>6</v>
      </c>
      <c r="C311" t="s">
        <v>7</v>
      </c>
      <c r="D311" t="s">
        <v>8</v>
      </c>
      <c r="E311" t="s">
        <v>40</v>
      </c>
      <c r="F311" s="1">
        <v>-633</v>
      </c>
    </row>
    <row r="312" spans="1:6" x14ac:dyDescent="0.25">
      <c r="A312">
        <v>110</v>
      </c>
      <c r="B312" t="s">
        <v>6</v>
      </c>
      <c r="C312" t="s">
        <v>7</v>
      </c>
      <c r="D312" t="s">
        <v>8</v>
      </c>
      <c r="E312" t="s">
        <v>40</v>
      </c>
      <c r="F312" s="1">
        <v>0</v>
      </c>
    </row>
    <row r="313" spans="1:6" x14ac:dyDescent="0.25">
      <c r="A313">
        <v>110</v>
      </c>
      <c r="B313" t="s">
        <v>6</v>
      </c>
      <c r="C313" t="s">
        <v>7</v>
      </c>
      <c r="D313" t="s">
        <v>8</v>
      </c>
      <c r="E313" t="s">
        <v>40</v>
      </c>
      <c r="F313" s="1">
        <v>9165</v>
      </c>
    </row>
    <row r="314" spans="1:6" x14ac:dyDescent="0.25">
      <c r="A314">
        <v>110</v>
      </c>
      <c r="B314" t="s">
        <v>6</v>
      </c>
      <c r="C314" t="s">
        <v>7</v>
      </c>
      <c r="D314" t="s">
        <v>8</v>
      </c>
      <c r="E314" t="s">
        <v>40</v>
      </c>
      <c r="F314" s="1">
        <v>-27</v>
      </c>
    </row>
    <row r="315" spans="1:6" x14ac:dyDescent="0.25">
      <c r="A315">
        <v>110</v>
      </c>
      <c r="B315" t="s">
        <v>6</v>
      </c>
      <c r="C315" t="s">
        <v>7</v>
      </c>
      <c r="D315" t="s">
        <v>8</v>
      </c>
      <c r="E315" t="s">
        <v>40</v>
      </c>
      <c r="F315" s="1">
        <v>-158</v>
      </c>
    </row>
    <row r="316" spans="1:6" x14ac:dyDescent="0.25">
      <c r="A316">
        <v>110</v>
      </c>
      <c r="B316" t="s">
        <v>6</v>
      </c>
      <c r="C316" t="s">
        <v>7</v>
      </c>
      <c r="D316" t="s">
        <v>8</v>
      </c>
      <c r="E316" t="s">
        <v>40</v>
      </c>
      <c r="F316" s="1">
        <v>-85</v>
      </c>
    </row>
    <row r="317" spans="1:6" x14ac:dyDescent="0.25">
      <c r="A317">
        <v>110</v>
      </c>
      <c r="B317" t="s">
        <v>6</v>
      </c>
      <c r="C317" t="s">
        <v>7</v>
      </c>
      <c r="D317" t="s">
        <v>8</v>
      </c>
      <c r="E317" t="s">
        <v>40</v>
      </c>
      <c r="F317" s="1">
        <v>2645</v>
      </c>
    </row>
    <row r="318" spans="1:6" x14ac:dyDescent="0.25">
      <c r="A318">
        <v>110</v>
      </c>
      <c r="B318" t="s">
        <v>6</v>
      </c>
      <c r="C318" t="s">
        <v>7</v>
      </c>
      <c r="D318" t="s">
        <v>8</v>
      </c>
      <c r="E318" t="s">
        <v>40</v>
      </c>
      <c r="F318" s="1">
        <v>-20</v>
      </c>
    </row>
    <row r="319" spans="1:6" x14ac:dyDescent="0.25">
      <c r="A319">
        <v>110</v>
      </c>
      <c r="B319" t="s">
        <v>6</v>
      </c>
      <c r="C319" t="s">
        <v>7</v>
      </c>
      <c r="D319" t="s">
        <v>8</v>
      </c>
      <c r="E319" t="s">
        <v>40</v>
      </c>
      <c r="F319" s="1">
        <v>-2540</v>
      </c>
    </row>
    <row r="320" spans="1:6" x14ac:dyDescent="0.25">
      <c r="A320">
        <v>110</v>
      </c>
      <c r="B320" t="s">
        <v>6</v>
      </c>
      <c r="C320" t="s">
        <v>7</v>
      </c>
      <c r="D320" t="s">
        <v>8</v>
      </c>
      <c r="E320" t="s">
        <v>40</v>
      </c>
      <c r="F320" s="1">
        <v>-1</v>
      </c>
    </row>
    <row r="321" spans="1:6" x14ac:dyDescent="0.25">
      <c r="A321">
        <v>110</v>
      </c>
      <c r="B321" t="s">
        <v>6</v>
      </c>
      <c r="C321" t="s">
        <v>7</v>
      </c>
      <c r="D321" t="s">
        <v>8</v>
      </c>
      <c r="E321" t="s">
        <v>40</v>
      </c>
      <c r="F321" s="1">
        <v>-164</v>
      </c>
    </row>
    <row r="322" spans="1:6" x14ac:dyDescent="0.25">
      <c r="A322">
        <v>110</v>
      </c>
      <c r="B322" t="s">
        <v>6</v>
      </c>
      <c r="C322" t="s">
        <v>7</v>
      </c>
      <c r="D322" t="s">
        <v>8</v>
      </c>
      <c r="E322" t="s">
        <v>40</v>
      </c>
      <c r="F322" s="1">
        <v>165</v>
      </c>
    </row>
    <row r="323" spans="1:6" x14ac:dyDescent="0.25">
      <c r="A323">
        <v>110</v>
      </c>
      <c r="B323" t="s">
        <v>6</v>
      </c>
      <c r="C323" t="s">
        <v>7</v>
      </c>
      <c r="D323" t="s">
        <v>8</v>
      </c>
      <c r="E323" t="s">
        <v>41</v>
      </c>
      <c r="F323" s="1">
        <v>-501</v>
      </c>
    </row>
    <row r="324" spans="1:6" x14ac:dyDescent="0.25">
      <c r="A324">
        <v>110</v>
      </c>
      <c r="B324" t="s">
        <v>6</v>
      </c>
      <c r="C324" t="s">
        <v>7</v>
      </c>
      <c r="D324" t="s">
        <v>8</v>
      </c>
      <c r="E324" t="s">
        <v>41</v>
      </c>
      <c r="F324" s="1">
        <v>0</v>
      </c>
    </row>
    <row r="325" spans="1:6" x14ac:dyDescent="0.25">
      <c r="A325">
        <v>110</v>
      </c>
      <c r="B325" t="s">
        <v>6</v>
      </c>
      <c r="C325" t="s">
        <v>7</v>
      </c>
      <c r="D325" t="s">
        <v>8</v>
      </c>
      <c r="E325" t="s">
        <v>41</v>
      </c>
      <c r="F325" s="1">
        <v>-739</v>
      </c>
    </row>
    <row r="326" spans="1:6" x14ac:dyDescent="0.25">
      <c r="A326">
        <v>110</v>
      </c>
      <c r="B326" t="s">
        <v>6</v>
      </c>
      <c r="C326" t="s">
        <v>7</v>
      </c>
      <c r="D326" t="s">
        <v>8</v>
      </c>
      <c r="E326" t="s">
        <v>41</v>
      </c>
      <c r="F326" s="1">
        <v>11382</v>
      </c>
    </row>
    <row r="327" spans="1:6" x14ac:dyDescent="0.25">
      <c r="A327">
        <v>110</v>
      </c>
      <c r="B327" t="s">
        <v>6</v>
      </c>
      <c r="C327" t="s">
        <v>7</v>
      </c>
      <c r="D327" t="s">
        <v>8</v>
      </c>
      <c r="E327" t="s">
        <v>41</v>
      </c>
      <c r="F327" s="1">
        <v>-726</v>
      </c>
    </row>
    <row r="328" spans="1:6" x14ac:dyDescent="0.25">
      <c r="A328">
        <v>110</v>
      </c>
      <c r="B328" t="s">
        <v>6</v>
      </c>
      <c r="C328" t="s">
        <v>7</v>
      </c>
      <c r="D328" t="s">
        <v>8</v>
      </c>
      <c r="E328" t="s">
        <v>41</v>
      </c>
      <c r="F328" s="1">
        <v>2</v>
      </c>
    </row>
    <row r="329" spans="1:6" x14ac:dyDescent="0.25">
      <c r="A329">
        <v>110</v>
      </c>
      <c r="B329" t="s">
        <v>6</v>
      </c>
      <c r="C329" t="s">
        <v>7</v>
      </c>
      <c r="D329" t="s">
        <v>8</v>
      </c>
      <c r="E329" t="s">
        <v>41</v>
      </c>
      <c r="F329" s="1">
        <v>-189</v>
      </c>
    </row>
    <row r="330" spans="1:6" x14ac:dyDescent="0.25">
      <c r="A330">
        <v>110</v>
      </c>
      <c r="B330" t="s">
        <v>6</v>
      </c>
      <c r="C330" t="s">
        <v>7</v>
      </c>
      <c r="D330" t="s">
        <v>8</v>
      </c>
      <c r="E330" t="s">
        <v>41</v>
      </c>
      <c r="F330" s="1">
        <v>-49</v>
      </c>
    </row>
    <row r="331" spans="1:6" x14ac:dyDescent="0.25">
      <c r="A331">
        <v>110</v>
      </c>
      <c r="B331" t="s">
        <v>6</v>
      </c>
      <c r="C331" t="s">
        <v>7</v>
      </c>
      <c r="D331" t="s">
        <v>8</v>
      </c>
      <c r="E331" t="s">
        <v>41</v>
      </c>
      <c r="F331" s="1">
        <v>-3164</v>
      </c>
    </row>
    <row r="332" spans="1:6" x14ac:dyDescent="0.25">
      <c r="A332">
        <v>110</v>
      </c>
      <c r="B332" t="s">
        <v>6</v>
      </c>
      <c r="C332" t="s">
        <v>7</v>
      </c>
      <c r="D332" t="s">
        <v>8</v>
      </c>
      <c r="E332" t="s">
        <v>41</v>
      </c>
      <c r="F332" s="1">
        <v>0</v>
      </c>
    </row>
    <row r="333" spans="1:6" x14ac:dyDescent="0.25">
      <c r="A333">
        <v>110</v>
      </c>
      <c r="B333" t="s">
        <v>6</v>
      </c>
      <c r="C333" t="s">
        <v>7</v>
      </c>
      <c r="D333" t="s">
        <v>8</v>
      </c>
      <c r="E333" t="s">
        <v>41</v>
      </c>
      <c r="F333" s="1">
        <v>3224</v>
      </c>
    </row>
    <row r="334" spans="1:6" x14ac:dyDescent="0.25">
      <c r="A334">
        <v>110</v>
      </c>
      <c r="B334" t="s">
        <v>6</v>
      </c>
      <c r="C334" t="s">
        <v>7</v>
      </c>
      <c r="D334" t="s">
        <v>8</v>
      </c>
      <c r="E334" t="s">
        <v>41</v>
      </c>
      <c r="F334" s="1">
        <v>-11</v>
      </c>
    </row>
    <row r="335" spans="1:6" x14ac:dyDescent="0.25">
      <c r="A335">
        <v>110</v>
      </c>
      <c r="B335" t="s">
        <v>6</v>
      </c>
      <c r="C335" t="s">
        <v>7</v>
      </c>
      <c r="D335" t="s">
        <v>8</v>
      </c>
      <c r="E335" t="s">
        <v>41</v>
      </c>
      <c r="F335" s="1">
        <v>201</v>
      </c>
    </row>
    <row r="336" spans="1:6" x14ac:dyDescent="0.25">
      <c r="A336">
        <v>110</v>
      </c>
      <c r="B336" t="s">
        <v>6</v>
      </c>
      <c r="C336" t="s">
        <v>7</v>
      </c>
      <c r="D336" t="s">
        <v>8</v>
      </c>
      <c r="E336" t="s">
        <v>41</v>
      </c>
      <c r="F336" s="1">
        <v>-201</v>
      </c>
    </row>
    <row r="337" spans="1:6" x14ac:dyDescent="0.25">
      <c r="A337">
        <v>110</v>
      </c>
      <c r="B337" t="s">
        <v>6</v>
      </c>
      <c r="C337" t="s">
        <v>7</v>
      </c>
      <c r="D337" t="s">
        <v>8</v>
      </c>
      <c r="E337" t="s">
        <v>42</v>
      </c>
      <c r="F337" s="1">
        <v>-64</v>
      </c>
    </row>
    <row r="338" spans="1:6" x14ac:dyDescent="0.25">
      <c r="A338">
        <v>110</v>
      </c>
      <c r="B338" t="s">
        <v>6</v>
      </c>
      <c r="C338" t="s">
        <v>7</v>
      </c>
      <c r="D338" t="s">
        <v>8</v>
      </c>
      <c r="E338" t="s">
        <v>42</v>
      </c>
      <c r="F338" s="1">
        <v>-480</v>
      </c>
    </row>
    <row r="339" spans="1:6" x14ac:dyDescent="0.25">
      <c r="A339">
        <v>110</v>
      </c>
      <c r="B339" t="s">
        <v>6</v>
      </c>
      <c r="C339" t="s">
        <v>7</v>
      </c>
      <c r="D339" t="s">
        <v>8</v>
      </c>
      <c r="E339" t="s">
        <v>42</v>
      </c>
      <c r="F339" s="1">
        <v>-158</v>
      </c>
    </row>
    <row r="340" spans="1:6" x14ac:dyDescent="0.25">
      <c r="A340">
        <v>110</v>
      </c>
      <c r="B340" t="s">
        <v>6</v>
      </c>
      <c r="C340" t="s">
        <v>7</v>
      </c>
      <c r="D340" t="s">
        <v>8</v>
      </c>
      <c r="E340" t="s">
        <v>42</v>
      </c>
      <c r="F340" s="1">
        <v>0</v>
      </c>
    </row>
    <row r="341" spans="1:6" x14ac:dyDescent="0.25">
      <c r="A341">
        <v>110</v>
      </c>
      <c r="B341" t="s">
        <v>6</v>
      </c>
      <c r="C341" t="s">
        <v>7</v>
      </c>
      <c r="D341" t="s">
        <v>8</v>
      </c>
      <c r="E341" t="s">
        <v>42</v>
      </c>
      <c r="F341" s="1">
        <v>-649</v>
      </c>
    </row>
    <row r="342" spans="1:6" x14ac:dyDescent="0.25">
      <c r="A342">
        <v>110</v>
      </c>
      <c r="B342" t="s">
        <v>6</v>
      </c>
      <c r="C342" t="s">
        <v>7</v>
      </c>
      <c r="D342" t="s">
        <v>8</v>
      </c>
      <c r="E342" t="s">
        <v>42</v>
      </c>
      <c r="F342" s="1">
        <v>0</v>
      </c>
    </row>
    <row r="343" spans="1:6" x14ac:dyDescent="0.25">
      <c r="A343">
        <v>110</v>
      </c>
      <c r="B343" t="s">
        <v>6</v>
      </c>
      <c r="C343" t="s">
        <v>7</v>
      </c>
      <c r="D343" t="s">
        <v>8</v>
      </c>
      <c r="E343" t="s">
        <v>42</v>
      </c>
      <c r="F343" s="1">
        <v>9875</v>
      </c>
    </row>
    <row r="344" spans="1:6" x14ac:dyDescent="0.25">
      <c r="A344">
        <v>110</v>
      </c>
      <c r="B344" t="s">
        <v>6</v>
      </c>
      <c r="C344" t="s">
        <v>7</v>
      </c>
      <c r="D344" t="s">
        <v>8</v>
      </c>
      <c r="E344" t="s">
        <v>42</v>
      </c>
      <c r="F344" s="1">
        <v>-7</v>
      </c>
    </row>
    <row r="345" spans="1:6" x14ac:dyDescent="0.25">
      <c r="A345">
        <v>110</v>
      </c>
      <c r="B345" t="s">
        <v>6</v>
      </c>
      <c r="C345" t="s">
        <v>7</v>
      </c>
      <c r="D345" t="s">
        <v>8</v>
      </c>
      <c r="E345" t="s">
        <v>42</v>
      </c>
      <c r="F345" s="1">
        <v>2789</v>
      </c>
    </row>
    <row r="346" spans="1:6" x14ac:dyDescent="0.25">
      <c r="A346">
        <v>110</v>
      </c>
      <c r="B346" t="s">
        <v>6</v>
      </c>
      <c r="C346" t="s">
        <v>7</v>
      </c>
      <c r="D346" t="s">
        <v>8</v>
      </c>
      <c r="E346" t="s">
        <v>42</v>
      </c>
      <c r="F346" s="1">
        <v>-34</v>
      </c>
    </row>
    <row r="347" spans="1:6" x14ac:dyDescent="0.25">
      <c r="A347">
        <v>110</v>
      </c>
      <c r="B347" t="s">
        <v>6</v>
      </c>
      <c r="C347" t="s">
        <v>7</v>
      </c>
      <c r="D347" t="s">
        <v>8</v>
      </c>
      <c r="E347" t="s">
        <v>42</v>
      </c>
      <c r="F347" s="1">
        <v>-2748</v>
      </c>
    </row>
    <row r="348" spans="1:6" x14ac:dyDescent="0.25">
      <c r="A348">
        <v>110</v>
      </c>
      <c r="B348" t="s">
        <v>6</v>
      </c>
      <c r="C348" t="s">
        <v>7</v>
      </c>
      <c r="D348" t="s">
        <v>8</v>
      </c>
      <c r="E348" t="s">
        <v>42</v>
      </c>
      <c r="F348" s="1">
        <v>-174</v>
      </c>
    </row>
    <row r="349" spans="1:6" x14ac:dyDescent="0.25">
      <c r="A349">
        <v>110</v>
      </c>
      <c r="B349" t="s">
        <v>6</v>
      </c>
      <c r="C349" t="s">
        <v>7</v>
      </c>
      <c r="D349" t="s">
        <v>8</v>
      </c>
      <c r="E349" t="s">
        <v>42</v>
      </c>
      <c r="F349" s="1">
        <v>174</v>
      </c>
    </row>
    <row r="350" spans="1:6" x14ac:dyDescent="0.25">
      <c r="A350">
        <v>110</v>
      </c>
      <c r="B350" t="s">
        <v>6</v>
      </c>
      <c r="C350" t="s">
        <v>7</v>
      </c>
      <c r="D350" t="s">
        <v>8</v>
      </c>
      <c r="E350" t="s">
        <v>43</v>
      </c>
      <c r="F350" s="1">
        <v>-826</v>
      </c>
    </row>
    <row r="351" spans="1:6" x14ac:dyDescent="0.25">
      <c r="A351">
        <v>110</v>
      </c>
      <c r="B351" t="s">
        <v>6</v>
      </c>
      <c r="C351" t="s">
        <v>7</v>
      </c>
      <c r="D351" t="s">
        <v>8</v>
      </c>
      <c r="E351" t="s">
        <v>43</v>
      </c>
      <c r="F351" s="1">
        <v>-299</v>
      </c>
    </row>
    <row r="352" spans="1:6" x14ac:dyDescent="0.25">
      <c r="A352">
        <v>110</v>
      </c>
      <c r="B352" t="s">
        <v>6</v>
      </c>
      <c r="C352" t="s">
        <v>7</v>
      </c>
      <c r="D352" t="s">
        <v>8</v>
      </c>
      <c r="E352" t="s">
        <v>43</v>
      </c>
      <c r="F352" s="1">
        <v>0</v>
      </c>
    </row>
    <row r="353" spans="1:6" x14ac:dyDescent="0.25">
      <c r="A353">
        <v>110</v>
      </c>
      <c r="B353" t="s">
        <v>6</v>
      </c>
      <c r="C353" t="s">
        <v>7</v>
      </c>
      <c r="D353" t="s">
        <v>8</v>
      </c>
      <c r="E353" t="s">
        <v>43</v>
      </c>
      <c r="F353" s="1">
        <v>0</v>
      </c>
    </row>
    <row r="354" spans="1:6" x14ac:dyDescent="0.25">
      <c r="A354">
        <v>110</v>
      </c>
      <c r="B354" t="s">
        <v>6</v>
      </c>
      <c r="C354" t="s">
        <v>7</v>
      </c>
      <c r="D354" t="s">
        <v>8</v>
      </c>
      <c r="E354" t="s">
        <v>43</v>
      </c>
      <c r="F354" s="1">
        <v>19615</v>
      </c>
    </row>
    <row r="355" spans="1:6" x14ac:dyDescent="0.25">
      <c r="A355">
        <v>110</v>
      </c>
      <c r="B355" t="s">
        <v>6</v>
      </c>
      <c r="C355" t="s">
        <v>7</v>
      </c>
      <c r="D355" t="s">
        <v>8</v>
      </c>
      <c r="E355" t="s">
        <v>43</v>
      </c>
      <c r="F355" s="1">
        <v>0</v>
      </c>
    </row>
    <row r="356" spans="1:6" x14ac:dyDescent="0.25">
      <c r="A356">
        <v>110</v>
      </c>
      <c r="B356" t="s">
        <v>6</v>
      </c>
      <c r="C356" t="s">
        <v>7</v>
      </c>
      <c r="D356" t="s">
        <v>8</v>
      </c>
      <c r="E356" t="s">
        <v>43</v>
      </c>
      <c r="F356" s="1">
        <v>-517</v>
      </c>
    </row>
    <row r="357" spans="1:6" x14ac:dyDescent="0.25">
      <c r="A357">
        <v>110</v>
      </c>
      <c r="B357" t="s">
        <v>6</v>
      </c>
      <c r="C357" t="s">
        <v>7</v>
      </c>
      <c r="D357" t="s">
        <v>8</v>
      </c>
      <c r="E357" t="s">
        <v>43</v>
      </c>
      <c r="F357" s="1">
        <v>5</v>
      </c>
    </row>
    <row r="358" spans="1:6" x14ac:dyDescent="0.25">
      <c r="A358">
        <v>110</v>
      </c>
      <c r="B358" t="s">
        <v>6</v>
      </c>
      <c r="C358" t="s">
        <v>7</v>
      </c>
      <c r="D358" t="s">
        <v>8</v>
      </c>
      <c r="E358" t="s">
        <v>43</v>
      </c>
      <c r="F358" s="1">
        <v>-6377</v>
      </c>
    </row>
    <row r="359" spans="1:6" x14ac:dyDescent="0.25">
      <c r="A359">
        <v>110</v>
      </c>
      <c r="B359" t="s">
        <v>6</v>
      </c>
      <c r="C359" t="s">
        <v>7</v>
      </c>
      <c r="D359" t="s">
        <v>8</v>
      </c>
      <c r="E359" t="s">
        <v>43</v>
      </c>
      <c r="F359" s="1">
        <v>0</v>
      </c>
    </row>
    <row r="360" spans="1:6" x14ac:dyDescent="0.25">
      <c r="A360">
        <v>110</v>
      </c>
      <c r="B360" t="s">
        <v>6</v>
      </c>
      <c r="C360" t="s">
        <v>7</v>
      </c>
      <c r="D360" t="s">
        <v>8</v>
      </c>
      <c r="E360" t="s">
        <v>43</v>
      </c>
      <c r="F360" s="1">
        <v>-29</v>
      </c>
    </row>
    <row r="361" spans="1:6" x14ac:dyDescent="0.25">
      <c r="A361">
        <v>110</v>
      </c>
      <c r="B361" t="s">
        <v>6</v>
      </c>
      <c r="C361" t="s">
        <v>7</v>
      </c>
      <c r="D361" t="s">
        <v>8</v>
      </c>
      <c r="E361" t="s">
        <v>43</v>
      </c>
      <c r="F361" s="1">
        <v>-6</v>
      </c>
    </row>
    <row r="362" spans="1:6" x14ac:dyDescent="0.25">
      <c r="A362">
        <v>110</v>
      </c>
      <c r="B362" t="s">
        <v>6</v>
      </c>
      <c r="C362" t="s">
        <v>7</v>
      </c>
      <c r="D362" t="s">
        <v>8</v>
      </c>
      <c r="E362" t="s">
        <v>43</v>
      </c>
      <c r="F362" s="1">
        <v>-5480</v>
      </c>
    </row>
    <row r="363" spans="1:6" x14ac:dyDescent="0.25">
      <c r="A363">
        <v>110</v>
      </c>
      <c r="B363" t="s">
        <v>6</v>
      </c>
      <c r="C363" t="s">
        <v>7</v>
      </c>
      <c r="D363" t="s">
        <v>8</v>
      </c>
      <c r="E363" t="s">
        <v>43</v>
      </c>
      <c r="F363" s="1">
        <v>5515</v>
      </c>
    </row>
    <row r="364" spans="1:6" x14ac:dyDescent="0.25">
      <c r="A364">
        <v>110</v>
      </c>
      <c r="B364" t="s">
        <v>6</v>
      </c>
      <c r="C364" t="s">
        <v>7</v>
      </c>
      <c r="D364" t="s">
        <v>8</v>
      </c>
      <c r="E364" t="s">
        <v>43</v>
      </c>
      <c r="F364" s="1">
        <v>-343</v>
      </c>
    </row>
    <row r="365" spans="1:6" x14ac:dyDescent="0.25">
      <c r="A365">
        <v>110</v>
      </c>
      <c r="B365" t="s">
        <v>6</v>
      </c>
      <c r="C365" t="s">
        <v>7</v>
      </c>
      <c r="D365" t="s">
        <v>8</v>
      </c>
      <c r="E365" t="s">
        <v>43</v>
      </c>
      <c r="F365" s="1">
        <v>343</v>
      </c>
    </row>
    <row r="366" spans="1:6" x14ac:dyDescent="0.25">
      <c r="A366">
        <v>110</v>
      </c>
      <c r="B366" t="s">
        <v>6</v>
      </c>
      <c r="C366" t="s">
        <v>7</v>
      </c>
      <c r="D366" t="s">
        <v>8</v>
      </c>
      <c r="E366" t="s">
        <v>44</v>
      </c>
      <c r="F366" s="1">
        <v>-55</v>
      </c>
    </row>
    <row r="367" spans="1:6" x14ac:dyDescent="0.25">
      <c r="A367">
        <v>110</v>
      </c>
      <c r="B367" t="s">
        <v>6</v>
      </c>
      <c r="C367" t="s">
        <v>7</v>
      </c>
      <c r="D367" t="s">
        <v>8</v>
      </c>
      <c r="E367" t="s">
        <v>44</v>
      </c>
      <c r="F367" s="1">
        <v>-69</v>
      </c>
    </row>
    <row r="368" spans="1:6" x14ac:dyDescent="0.25">
      <c r="A368">
        <v>110</v>
      </c>
      <c r="B368" t="s">
        <v>6</v>
      </c>
      <c r="C368" t="s">
        <v>7</v>
      </c>
      <c r="D368" t="s">
        <v>8</v>
      </c>
      <c r="E368" t="s">
        <v>44</v>
      </c>
      <c r="F368" s="1">
        <v>22</v>
      </c>
    </row>
    <row r="369" spans="1:6" x14ac:dyDescent="0.25">
      <c r="A369">
        <v>110</v>
      </c>
      <c r="B369" t="s">
        <v>6</v>
      </c>
      <c r="C369" t="s">
        <v>7</v>
      </c>
      <c r="D369" t="s">
        <v>8</v>
      </c>
      <c r="E369" t="s">
        <v>44</v>
      </c>
      <c r="F369" s="1">
        <v>-295</v>
      </c>
    </row>
    <row r="370" spans="1:6" x14ac:dyDescent="0.25">
      <c r="A370">
        <v>110</v>
      </c>
      <c r="B370" t="s">
        <v>6</v>
      </c>
      <c r="C370" t="s">
        <v>7</v>
      </c>
      <c r="D370" t="s">
        <v>8</v>
      </c>
      <c r="E370" t="s">
        <v>44</v>
      </c>
      <c r="F370" s="1">
        <v>3939</v>
      </c>
    </row>
    <row r="371" spans="1:6" x14ac:dyDescent="0.25">
      <c r="A371">
        <v>110</v>
      </c>
      <c r="B371" t="s">
        <v>6</v>
      </c>
      <c r="C371" t="s">
        <v>7</v>
      </c>
      <c r="D371" t="s">
        <v>8</v>
      </c>
      <c r="E371" t="s">
        <v>44</v>
      </c>
      <c r="F371" s="1">
        <v>0</v>
      </c>
    </row>
    <row r="372" spans="1:6" x14ac:dyDescent="0.25">
      <c r="A372">
        <v>110</v>
      </c>
      <c r="B372" t="s">
        <v>6</v>
      </c>
      <c r="C372" t="s">
        <v>7</v>
      </c>
      <c r="D372" t="s">
        <v>8</v>
      </c>
      <c r="E372" t="s">
        <v>44</v>
      </c>
      <c r="F372" s="1">
        <v>-1</v>
      </c>
    </row>
    <row r="373" spans="1:6" x14ac:dyDescent="0.25">
      <c r="A373">
        <v>110</v>
      </c>
      <c r="B373" t="s">
        <v>6</v>
      </c>
      <c r="C373" t="s">
        <v>7</v>
      </c>
      <c r="D373" t="s">
        <v>8</v>
      </c>
      <c r="E373" t="s">
        <v>44</v>
      </c>
      <c r="F373" s="1">
        <v>-3</v>
      </c>
    </row>
    <row r="374" spans="1:6" x14ac:dyDescent="0.25">
      <c r="A374">
        <v>110</v>
      </c>
      <c r="B374" t="s">
        <v>6</v>
      </c>
      <c r="C374" t="s">
        <v>7</v>
      </c>
      <c r="D374" t="s">
        <v>8</v>
      </c>
      <c r="E374" t="s">
        <v>44</v>
      </c>
      <c r="F374" s="1">
        <v>-2</v>
      </c>
    </row>
    <row r="375" spans="1:6" x14ac:dyDescent="0.25">
      <c r="A375">
        <v>110</v>
      </c>
      <c r="B375" t="s">
        <v>6</v>
      </c>
      <c r="C375" t="s">
        <v>7</v>
      </c>
      <c r="D375" t="s">
        <v>8</v>
      </c>
      <c r="E375" t="s">
        <v>44</v>
      </c>
      <c r="F375" s="1">
        <v>-1101</v>
      </c>
    </row>
    <row r="376" spans="1:6" x14ac:dyDescent="0.25">
      <c r="A376">
        <v>110</v>
      </c>
      <c r="B376" t="s">
        <v>6</v>
      </c>
      <c r="C376" t="s">
        <v>7</v>
      </c>
      <c r="D376" t="s">
        <v>8</v>
      </c>
      <c r="E376" t="s">
        <v>44</v>
      </c>
      <c r="F376" s="1">
        <v>0</v>
      </c>
    </row>
    <row r="377" spans="1:6" x14ac:dyDescent="0.25">
      <c r="A377">
        <v>110</v>
      </c>
      <c r="B377" t="s">
        <v>6</v>
      </c>
      <c r="C377" t="s">
        <v>7</v>
      </c>
      <c r="D377" t="s">
        <v>8</v>
      </c>
      <c r="E377" t="s">
        <v>44</v>
      </c>
      <c r="F377" s="1">
        <v>1103</v>
      </c>
    </row>
    <row r="378" spans="1:6" x14ac:dyDescent="0.25">
      <c r="A378">
        <v>110</v>
      </c>
      <c r="B378" t="s">
        <v>6</v>
      </c>
      <c r="C378" t="s">
        <v>7</v>
      </c>
      <c r="D378" t="s">
        <v>8</v>
      </c>
      <c r="E378" t="s">
        <v>44</v>
      </c>
      <c r="F378" s="1">
        <v>-69</v>
      </c>
    </row>
    <row r="379" spans="1:6" x14ac:dyDescent="0.25">
      <c r="A379">
        <v>110</v>
      </c>
      <c r="B379" t="s">
        <v>6</v>
      </c>
      <c r="C379" t="s">
        <v>7</v>
      </c>
      <c r="D379" t="s">
        <v>8</v>
      </c>
      <c r="E379" t="s">
        <v>44</v>
      </c>
      <c r="F379" s="1">
        <v>69</v>
      </c>
    </row>
    <row r="380" spans="1:6" x14ac:dyDescent="0.25">
      <c r="A380">
        <v>110</v>
      </c>
      <c r="B380" t="s">
        <v>6</v>
      </c>
      <c r="C380" t="s">
        <v>7</v>
      </c>
      <c r="D380" t="s">
        <v>8</v>
      </c>
      <c r="E380" t="s">
        <v>44</v>
      </c>
      <c r="F380" s="1">
        <v>0</v>
      </c>
    </row>
    <row r="381" spans="1:6" x14ac:dyDescent="0.25">
      <c r="A381">
        <v>110</v>
      </c>
      <c r="B381" t="s">
        <v>6</v>
      </c>
      <c r="C381" t="s">
        <v>7</v>
      </c>
      <c r="D381" t="s">
        <v>8</v>
      </c>
      <c r="E381" t="s">
        <v>45</v>
      </c>
      <c r="F381" s="1">
        <v>-55</v>
      </c>
    </row>
    <row r="382" spans="1:6" x14ac:dyDescent="0.25">
      <c r="A382">
        <v>110</v>
      </c>
      <c r="B382" t="s">
        <v>6</v>
      </c>
      <c r="C382" t="s">
        <v>7</v>
      </c>
      <c r="D382" t="s">
        <v>8</v>
      </c>
      <c r="E382" t="s">
        <v>45</v>
      </c>
      <c r="F382" s="1">
        <v>-36</v>
      </c>
    </row>
    <row r="383" spans="1:6" x14ac:dyDescent="0.25">
      <c r="A383">
        <v>110</v>
      </c>
      <c r="B383" t="s">
        <v>6</v>
      </c>
      <c r="C383" t="s">
        <v>7</v>
      </c>
      <c r="D383" t="s">
        <v>8</v>
      </c>
      <c r="E383" t="s">
        <v>45</v>
      </c>
      <c r="F383" s="1">
        <v>-1</v>
      </c>
    </row>
    <row r="384" spans="1:6" x14ac:dyDescent="0.25">
      <c r="A384">
        <v>110</v>
      </c>
      <c r="B384" t="s">
        <v>6</v>
      </c>
      <c r="C384" t="s">
        <v>7</v>
      </c>
      <c r="D384" t="s">
        <v>8</v>
      </c>
      <c r="E384" t="s">
        <v>45</v>
      </c>
      <c r="F384" s="1">
        <v>169</v>
      </c>
    </row>
    <row r="385" spans="1:6" x14ac:dyDescent="0.25">
      <c r="A385">
        <v>110</v>
      </c>
      <c r="B385" t="s">
        <v>6</v>
      </c>
      <c r="C385" t="s">
        <v>7</v>
      </c>
      <c r="D385" t="s">
        <v>8</v>
      </c>
      <c r="E385" t="s">
        <v>45</v>
      </c>
      <c r="F385" s="1">
        <v>0</v>
      </c>
    </row>
    <row r="386" spans="1:6" x14ac:dyDescent="0.25">
      <c r="A386">
        <v>110</v>
      </c>
      <c r="B386" t="s">
        <v>6</v>
      </c>
      <c r="C386" t="s">
        <v>7</v>
      </c>
      <c r="D386" t="s">
        <v>8</v>
      </c>
      <c r="E386" t="s">
        <v>45</v>
      </c>
      <c r="F386" s="1">
        <v>4116</v>
      </c>
    </row>
    <row r="387" spans="1:6" x14ac:dyDescent="0.25">
      <c r="A387">
        <v>110</v>
      </c>
      <c r="B387" t="s">
        <v>6</v>
      </c>
      <c r="C387" t="s">
        <v>7</v>
      </c>
      <c r="D387" t="s">
        <v>8</v>
      </c>
      <c r="E387" t="s">
        <v>45</v>
      </c>
      <c r="F387" s="1">
        <v>-296</v>
      </c>
    </row>
    <row r="388" spans="1:6" x14ac:dyDescent="0.25">
      <c r="A388">
        <v>110</v>
      </c>
      <c r="B388" t="s">
        <v>6</v>
      </c>
      <c r="C388" t="s">
        <v>7</v>
      </c>
      <c r="D388" t="s">
        <v>8</v>
      </c>
      <c r="E388" t="s">
        <v>45</v>
      </c>
      <c r="F388" s="1">
        <v>-40</v>
      </c>
    </row>
    <row r="389" spans="1:6" x14ac:dyDescent="0.25">
      <c r="A389">
        <v>110</v>
      </c>
      <c r="B389" t="s">
        <v>6</v>
      </c>
      <c r="C389" t="s">
        <v>7</v>
      </c>
      <c r="D389" t="s">
        <v>8</v>
      </c>
      <c r="E389" t="s">
        <v>45</v>
      </c>
      <c r="F389" s="1">
        <v>-1</v>
      </c>
    </row>
    <row r="390" spans="1:6" x14ac:dyDescent="0.25">
      <c r="A390">
        <v>110</v>
      </c>
      <c r="B390" t="s">
        <v>6</v>
      </c>
      <c r="C390" t="s">
        <v>7</v>
      </c>
      <c r="D390" t="s">
        <v>8</v>
      </c>
      <c r="E390" t="s">
        <v>45</v>
      </c>
      <c r="F390" s="1">
        <v>-18</v>
      </c>
    </row>
    <row r="391" spans="1:6" x14ac:dyDescent="0.25">
      <c r="A391">
        <v>110</v>
      </c>
      <c r="B391" t="s">
        <v>6</v>
      </c>
      <c r="C391" t="s">
        <v>7</v>
      </c>
      <c r="D391" t="s">
        <v>8</v>
      </c>
      <c r="E391" t="s">
        <v>45</v>
      </c>
      <c r="F391" s="1">
        <v>0</v>
      </c>
    </row>
    <row r="392" spans="1:6" x14ac:dyDescent="0.25">
      <c r="A392">
        <v>110</v>
      </c>
      <c r="B392" t="s">
        <v>6</v>
      </c>
      <c r="C392" t="s">
        <v>7</v>
      </c>
      <c r="D392" t="s">
        <v>8</v>
      </c>
      <c r="E392" t="s">
        <v>45</v>
      </c>
      <c r="F392" s="1">
        <v>1148</v>
      </c>
    </row>
    <row r="393" spans="1:6" x14ac:dyDescent="0.25">
      <c r="A393">
        <v>110</v>
      </c>
      <c r="B393" t="s">
        <v>6</v>
      </c>
      <c r="C393" t="s">
        <v>7</v>
      </c>
      <c r="D393" t="s">
        <v>8</v>
      </c>
      <c r="E393" t="s">
        <v>45</v>
      </c>
      <c r="F393" s="1">
        <v>-1148</v>
      </c>
    </row>
    <row r="394" spans="1:6" x14ac:dyDescent="0.25">
      <c r="A394">
        <v>110</v>
      </c>
      <c r="B394" t="s">
        <v>6</v>
      </c>
      <c r="C394" t="s">
        <v>7</v>
      </c>
      <c r="D394" t="s">
        <v>8</v>
      </c>
      <c r="E394" t="s">
        <v>45</v>
      </c>
      <c r="F394" s="1">
        <v>69</v>
      </c>
    </row>
    <row r="395" spans="1:6" x14ac:dyDescent="0.25">
      <c r="A395">
        <v>110</v>
      </c>
      <c r="B395" t="s">
        <v>6</v>
      </c>
      <c r="C395" t="s">
        <v>7</v>
      </c>
      <c r="D395" t="s">
        <v>8</v>
      </c>
      <c r="E395" t="s">
        <v>45</v>
      </c>
      <c r="F395" s="1">
        <v>0</v>
      </c>
    </row>
    <row r="396" spans="1:6" x14ac:dyDescent="0.25">
      <c r="A396">
        <v>110</v>
      </c>
      <c r="B396" t="s">
        <v>6</v>
      </c>
      <c r="C396" t="s">
        <v>7</v>
      </c>
      <c r="D396" t="s">
        <v>8</v>
      </c>
      <c r="E396" t="s">
        <v>45</v>
      </c>
      <c r="F396" s="1">
        <v>-69</v>
      </c>
    </row>
    <row r="397" spans="1:6" x14ac:dyDescent="0.25">
      <c r="A397">
        <v>110</v>
      </c>
      <c r="B397" t="s">
        <v>6</v>
      </c>
      <c r="C397" t="s">
        <v>7</v>
      </c>
      <c r="D397" t="s">
        <v>8</v>
      </c>
      <c r="E397" t="s">
        <v>46</v>
      </c>
      <c r="F397" s="1">
        <v>-262</v>
      </c>
    </row>
    <row r="398" spans="1:6" x14ac:dyDescent="0.25">
      <c r="A398">
        <v>110</v>
      </c>
      <c r="B398" t="s">
        <v>6</v>
      </c>
      <c r="C398" t="s">
        <v>7</v>
      </c>
      <c r="D398" t="s">
        <v>8</v>
      </c>
      <c r="E398" t="s">
        <v>46</v>
      </c>
      <c r="F398" s="1">
        <v>0</v>
      </c>
    </row>
    <row r="399" spans="1:6" x14ac:dyDescent="0.25">
      <c r="A399">
        <v>110</v>
      </c>
      <c r="B399" t="s">
        <v>6</v>
      </c>
      <c r="C399" t="s">
        <v>7</v>
      </c>
      <c r="D399" t="s">
        <v>8</v>
      </c>
      <c r="E399" t="s">
        <v>46</v>
      </c>
      <c r="F399" s="1">
        <v>1233</v>
      </c>
    </row>
    <row r="400" spans="1:6" x14ac:dyDescent="0.25">
      <c r="A400">
        <v>110</v>
      </c>
      <c r="B400" t="s">
        <v>6</v>
      </c>
      <c r="C400" t="s">
        <v>7</v>
      </c>
      <c r="D400" t="s">
        <v>8</v>
      </c>
      <c r="E400" t="s">
        <v>46</v>
      </c>
      <c r="F400" s="1">
        <v>3293</v>
      </c>
    </row>
    <row r="401" spans="1:6" x14ac:dyDescent="0.25">
      <c r="A401">
        <v>110</v>
      </c>
      <c r="B401" t="s">
        <v>6</v>
      </c>
      <c r="C401" t="s">
        <v>7</v>
      </c>
      <c r="D401" t="s">
        <v>8</v>
      </c>
      <c r="E401" t="s">
        <v>46</v>
      </c>
      <c r="F401" s="1">
        <v>-86</v>
      </c>
    </row>
    <row r="402" spans="1:6" x14ac:dyDescent="0.25">
      <c r="A402">
        <v>110</v>
      </c>
      <c r="B402" t="s">
        <v>6</v>
      </c>
      <c r="C402" t="s">
        <v>7</v>
      </c>
      <c r="D402" t="s">
        <v>8</v>
      </c>
      <c r="E402" t="s">
        <v>46</v>
      </c>
      <c r="F402" s="1">
        <v>-1</v>
      </c>
    </row>
    <row r="403" spans="1:6" x14ac:dyDescent="0.25">
      <c r="A403">
        <v>110</v>
      </c>
      <c r="B403" t="s">
        <v>6</v>
      </c>
      <c r="C403" t="s">
        <v>7</v>
      </c>
      <c r="D403" t="s">
        <v>8</v>
      </c>
      <c r="E403" t="s">
        <v>46</v>
      </c>
      <c r="F403" s="1">
        <v>-41</v>
      </c>
    </row>
    <row r="404" spans="1:6" x14ac:dyDescent="0.25">
      <c r="A404">
        <v>110</v>
      </c>
      <c r="B404" t="s">
        <v>6</v>
      </c>
      <c r="C404" t="s">
        <v>7</v>
      </c>
      <c r="D404" t="s">
        <v>8</v>
      </c>
      <c r="E404" t="s">
        <v>46</v>
      </c>
      <c r="F404" s="1">
        <v>-2</v>
      </c>
    </row>
    <row r="405" spans="1:6" x14ac:dyDescent="0.25">
      <c r="A405">
        <v>110</v>
      </c>
      <c r="B405" t="s">
        <v>6</v>
      </c>
      <c r="C405" t="s">
        <v>7</v>
      </c>
      <c r="D405" t="s">
        <v>8</v>
      </c>
      <c r="E405" t="s">
        <v>46</v>
      </c>
      <c r="F405" s="1">
        <v>-13</v>
      </c>
    </row>
    <row r="406" spans="1:6" x14ac:dyDescent="0.25">
      <c r="A406">
        <v>110</v>
      </c>
      <c r="B406" t="s">
        <v>6</v>
      </c>
      <c r="C406" t="s">
        <v>7</v>
      </c>
      <c r="D406" t="s">
        <v>8</v>
      </c>
      <c r="E406" t="s">
        <v>46</v>
      </c>
      <c r="F406" s="1">
        <v>-35</v>
      </c>
    </row>
    <row r="407" spans="1:6" x14ac:dyDescent="0.25">
      <c r="A407">
        <v>110</v>
      </c>
      <c r="B407" t="s">
        <v>6</v>
      </c>
      <c r="C407" t="s">
        <v>7</v>
      </c>
      <c r="D407" t="s">
        <v>8</v>
      </c>
      <c r="E407" t="s">
        <v>46</v>
      </c>
      <c r="F407" s="1">
        <v>0</v>
      </c>
    </row>
    <row r="408" spans="1:6" x14ac:dyDescent="0.25">
      <c r="A408">
        <v>110</v>
      </c>
      <c r="B408" t="s">
        <v>6</v>
      </c>
      <c r="C408" t="s">
        <v>7</v>
      </c>
      <c r="D408" t="s">
        <v>8</v>
      </c>
      <c r="E408" t="s">
        <v>46</v>
      </c>
      <c r="F408" s="1">
        <v>35</v>
      </c>
    </row>
    <row r="409" spans="1:6" x14ac:dyDescent="0.25">
      <c r="A409">
        <v>110</v>
      </c>
      <c r="B409" t="s">
        <v>6</v>
      </c>
      <c r="C409" t="s">
        <v>7</v>
      </c>
      <c r="D409" t="s">
        <v>8</v>
      </c>
      <c r="E409" t="s">
        <v>46</v>
      </c>
      <c r="F409" s="1">
        <v>1</v>
      </c>
    </row>
    <row r="410" spans="1:6" x14ac:dyDescent="0.25">
      <c r="A410">
        <v>110</v>
      </c>
      <c r="B410" t="s">
        <v>6</v>
      </c>
      <c r="C410" t="s">
        <v>7</v>
      </c>
      <c r="D410" t="s">
        <v>8</v>
      </c>
      <c r="E410" t="s">
        <v>46</v>
      </c>
      <c r="F410" s="1">
        <v>1</v>
      </c>
    </row>
    <row r="411" spans="1:6" x14ac:dyDescent="0.25">
      <c r="A411">
        <v>110</v>
      </c>
      <c r="B411" t="s">
        <v>6</v>
      </c>
      <c r="C411" t="s">
        <v>7</v>
      </c>
      <c r="D411" t="s">
        <v>8</v>
      </c>
      <c r="E411" t="s">
        <v>46</v>
      </c>
      <c r="F411" s="1">
        <v>-1</v>
      </c>
    </row>
    <row r="412" spans="1:6" x14ac:dyDescent="0.25">
      <c r="A412">
        <v>110</v>
      </c>
      <c r="B412" t="s">
        <v>6</v>
      </c>
      <c r="C412" t="s">
        <v>7</v>
      </c>
      <c r="D412" t="s">
        <v>8</v>
      </c>
      <c r="E412" t="s">
        <v>47</v>
      </c>
      <c r="F412" s="1">
        <v>-1</v>
      </c>
    </row>
    <row r="413" spans="1:6" x14ac:dyDescent="0.25">
      <c r="A413">
        <v>110</v>
      </c>
      <c r="B413" t="s">
        <v>6</v>
      </c>
      <c r="C413" t="s">
        <v>7</v>
      </c>
      <c r="D413" t="s">
        <v>8</v>
      </c>
      <c r="E413" t="s">
        <v>47</v>
      </c>
      <c r="F413" s="1">
        <v>8601</v>
      </c>
    </row>
    <row r="414" spans="1:6" x14ac:dyDescent="0.25">
      <c r="A414">
        <v>110</v>
      </c>
      <c r="B414" t="s">
        <v>6</v>
      </c>
      <c r="C414" t="s">
        <v>7</v>
      </c>
      <c r="D414" t="s">
        <v>8</v>
      </c>
      <c r="E414" t="s">
        <v>47</v>
      </c>
      <c r="F414" s="1">
        <v>-525</v>
      </c>
    </row>
    <row r="415" spans="1:6" x14ac:dyDescent="0.25">
      <c r="A415">
        <v>110</v>
      </c>
      <c r="B415" t="s">
        <v>6</v>
      </c>
      <c r="C415" t="s">
        <v>7</v>
      </c>
      <c r="D415" t="s">
        <v>8</v>
      </c>
      <c r="E415" t="s">
        <v>47</v>
      </c>
      <c r="F415" s="1">
        <v>-13</v>
      </c>
    </row>
    <row r="416" spans="1:6" x14ac:dyDescent="0.25">
      <c r="A416">
        <v>110</v>
      </c>
      <c r="B416" t="s">
        <v>6</v>
      </c>
      <c r="C416" t="s">
        <v>7</v>
      </c>
      <c r="D416" t="s">
        <v>8</v>
      </c>
      <c r="E416" t="s">
        <v>47</v>
      </c>
      <c r="F416" s="1">
        <v>0</v>
      </c>
    </row>
    <row r="417" spans="1:6" x14ac:dyDescent="0.25">
      <c r="A417">
        <v>110</v>
      </c>
      <c r="B417" t="s">
        <v>6</v>
      </c>
      <c r="C417" t="s">
        <v>7</v>
      </c>
      <c r="D417" t="s">
        <v>8</v>
      </c>
      <c r="E417" t="s">
        <v>47</v>
      </c>
      <c r="F417" s="1">
        <v>-151</v>
      </c>
    </row>
    <row r="418" spans="1:6" x14ac:dyDescent="0.25">
      <c r="A418">
        <v>110</v>
      </c>
      <c r="B418" t="s">
        <v>6</v>
      </c>
      <c r="C418" t="s">
        <v>7</v>
      </c>
      <c r="D418" t="s">
        <v>8</v>
      </c>
      <c r="E418" t="s">
        <v>47</v>
      </c>
      <c r="F418" s="1">
        <v>0</v>
      </c>
    </row>
    <row r="419" spans="1:6" x14ac:dyDescent="0.25">
      <c r="A419">
        <v>110</v>
      </c>
      <c r="B419" t="s">
        <v>6</v>
      </c>
      <c r="C419" t="s">
        <v>7</v>
      </c>
      <c r="D419" t="s">
        <v>8</v>
      </c>
      <c r="E419" t="s">
        <v>47</v>
      </c>
      <c r="F419" s="1">
        <v>0</v>
      </c>
    </row>
    <row r="420" spans="1:6" x14ac:dyDescent="0.25">
      <c r="A420">
        <v>110</v>
      </c>
      <c r="B420" t="s">
        <v>6</v>
      </c>
      <c r="C420" t="s">
        <v>7</v>
      </c>
      <c r="D420" t="s">
        <v>8</v>
      </c>
      <c r="E420" t="s">
        <v>48</v>
      </c>
      <c r="F420" s="1">
        <v>-305</v>
      </c>
    </row>
    <row r="421" spans="1:6" x14ac:dyDescent="0.25">
      <c r="A421">
        <v>110</v>
      </c>
      <c r="B421" t="s">
        <v>6</v>
      </c>
      <c r="C421" t="s">
        <v>7</v>
      </c>
      <c r="D421" t="s">
        <v>8</v>
      </c>
      <c r="E421" t="s">
        <v>48</v>
      </c>
      <c r="F421" s="1">
        <v>0</v>
      </c>
    </row>
    <row r="422" spans="1:6" x14ac:dyDescent="0.25">
      <c r="A422">
        <v>110</v>
      </c>
      <c r="B422" t="s">
        <v>6</v>
      </c>
      <c r="C422" t="s">
        <v>7</v>
      </c>
      <c r="D422" t="s">
        <v>8</v>
      </c>
      <c r="E422" t="s">
        <v>48</v>
      </c>
      <c r="F422" s="1">
        <v>-8</v>
      </c>
    </row>
    <row r="423" spans="1:6" x14ac:dyDescent="0.25">
      <c r="A423">
        <v>110</v>
      </c>
      <c r="B423" t="s">
        <v>6</v>
      </c>
      <c r="C423" t="s">
        <v>7</v>
      </c>
      <c r="D423" t="s">
        <v>8</v>
      </c>
      <c r="E423" t="s">
        <v>48</v>
      </c>
      <c r="F423" s="1">
        <v>5053</v>
      </c>
    </row>
    <row r="424" spans="1:6" x14ac:dyDescent="0.25">
      <c r="A424">
        <v>110</v>
      </c>
      <c r="B424" t="s">
        <v>6</v>
      </c>
      <c r="C424" t="s">
        <v>7</v>
      </c>
      <c r="D424" t="s">
        <v>8</v>
      </c>
      <c r="E424" t="s">
        <v>48</v>
      </c>
      <c r="F424" s="1">
        <v>-45</v>
      </c>
    </row>
    <row r="425" spans="1:6" x14ac:dyDescent="0.25">
      <c r="A425">
        <v>110</v>
      </c>
      <c r="B425" t="s">
        <v>6</v>
      </c>
      <c r="C425" t="s">
        <v>7</v>
      </c>
      <c r="D425" t="s">
        <v>8</v>
      </c>
      <c r="E425" t="s">
        <v>48</v>
      </c>
      <c r="F425" s="1">
        <v>-1</v>
      </c>
    </row>
    <row r="426" spans="1:6" x14ac:dyDescent="0.25">
      <c r="A426">
        <v>110</v>
      </c>
      <c r="B426" t="s">
        <v>6</v>
      </c>
      <c r="C426" t="s">
        <v>7</v>
      </c>
      <c r="D426" t="s">
        <v>8</v>
      </c>
      <c r="E426" t="s">
        <v>48</v>
      </c>
      <c r="F426" s="1">
        <v>-165</v>
      </c>
    </row>
    <row r="427" spans="1:6" x14ac:dyDescent="0.25">
      <c r="A427">
        <v>110</v>
      </c>
      <c r="B427" t="s">
        <v>6</v>
      </c>
      <c r="C427" t="s">
        <v>7</v>
      </c>
      <c r="D427" t="s">
        <v>8</v>
      </c>
      <c r="E427" t="s">
        <v>48</v>
      </c>
      <c r="F427" s="1">
        <v>1</v>
      </c>
    </row>
    <row r="428" spans="1:6" x14ac:dyDescent="0.25">
      <c r="A428">
        <v>110</v>
      </c>
      <c r="B428" t="s">
        <v>6</v>
      </c>
      <c r="C428" t="s">
        <v>7</v>
      </c>
      <c r="D428" t="s">
        <v>8</v>
      </c>
      <c r="E428" t="s">
        <v>48</v>
      </c>
      <c r="F428" s="1">
        <v>0</v>
      </c>
    </row>
    <row r="429" spans="1:6" x14ac:dyDescent="0.25">
      <c r="A429">
        <v>110</v>
      </c>
      <c r="B429" t="s">
        <v>6</v>
      </c>
      <c r="C429" t="s">
        <v>7</v>
      </c>
      <c r="D429" t="s">
        <v>8</v>
      </c>
      <c r="E429" t="s">
        <v>49</v>
      </c>
      <c r="F429" s="1">
        <v>0</v>
      </c>
    </row>
    <row r="430" spans="1:6" x14ac:dyDescent="0.25">
      <c r="A430">
        <v>110</v>
      </c>
      <c r="B430" t="s">
        <v>6</v>
      </c>
      <c r="C430" t="s">
        <v>7</v>
      </c>
      <c r="D430" t="s">
        <v>8</v>
      </c>
      <c r="E430" t="s">
        <v>49</v>
      </c>
      <c r="F430" s="1">
        <v>-3</v>
      </c>
    </row>
    <row r="431" spans="1:6" x14ac:dyDescent="0.25">
      <c r="A431">
        <v>110</v>
      </c>
      <c r="B431" t="s">
        <v>6</v>
      </c>
      <c r="C431" t="s">
        <v>7</v>
      </c>
      <c r="D431" t="s">
        <v>8</v>
      </c>
      <c r="E431" t="s">
        <v>49</v>
      </c>
      <c r="F431" s="1">
        <v>-3</v>
      </c>
    </row>
    <row r="432" spans="1:6" x14ac:dyDescent="0.25">
      <c r="A432">
        <v>110</v>
      </c>
      <c r="B432" t="s">
        <v>6</v>
      </c>
      <c r="C432" t="s">
        <v>7</v>
      </c>
      <c r="D432" t="s">
        <v>8</v>
      </c>
      <c r="E432" t="s">
        <v>49</v>
      </c>
      <c r="F432" s="1">
        <v>-21</v>
      </c>
    </row>
    <row r="433" spans="1:6" x14ac:dyDescent="0.25">
      <c r="A433">
        <v>110</v>
      </c>
      <c r="B433" t="s">
        <v>6</v>
      </c>
      <c r="C433" t="s">
        <v>7</v>
      </c>
      <c r="D433" t="s">
        <v>8</v>
      </c>
      <c r="E433" t="s">
        <v>49</v>
      </c>
      <c r="F433" s="1">
        <v>5585</v>
      </c>
    </row>
    <row r="434" spans="1:6" x14ac:dyDescent="0.25">
      <c r="A434">
        <v>110</v>
      </c>
      <c r="B434" t="s">
        <v>6</v>
      </c>
      <c r="C434" t="s">
        <v>7</v>
      </c>
      <c r="D434" t="s">
        <v>8</v>
      </c>
      <c r="E434" t="s">
        <v>49</v>
      </c>
      <c r="F434" s="1">
        <v>-332</v>
      </c>
    </row>
    <row r="435" spans="1:6" x14ac:dyDescent="0.25">
      <c r="A435">
        <v>110</v>
      </c>
      <c r="B435" t="s">
        <v>6</v>
      </c>
      <c r="C435" t="s">
        <v>7</v>
      </c>
      <c r="D435" t="s">
        <v>8</v>
      </c>
      <c r="E435" t="s">
        <v>49</v>
      </c>
      <c r="F435" s="1">
        <v>0</v>
      </c>
    </row>
    <row r="436" spans="1:6" x14ac:dyDescent="0.25">
      <c r="A436">
        <v>110</v>
      </c>
      <c r="B436" t="s">
        <v>6</v>
      </c>
      <c r="C436" t="s">
        <v>7</v>
      </c>
      <c r="D436" t="s">
        <v>8</v>
      </c>
      <c r="E436" t="s">
        <v>50</v>
      </c>
      <c r="F436" s="1">
        <v>-10</v>
      </c>
    </row>
    <row r="437" spans="1:6" x14ac:dyDescent="0.25">
      <c r="A437">
        <v>110</v>
      </c>
      <c r="B437" t="s">
        <v>6</v>
      </c>
      <c r="C437" t="s">
        <v>7</v>
      </c>
      <c r="D437" t="s">
        <v>8</v>
      </c>
      <c r="E437" t="s">
        <v>50</v>
      </c>
      <c r="F437" s="1">
        <v>-3</v>
      </c>
    </row>
    <row r="438" spans="1:6" x14ac:dyDescent="0.25">
      <c r="A438">
        <v>110</v>
      </c>
      <c r="B438" t="s">
        <v>6</v>
      </c>
      <c r="C438" t="s">
        <v>7</v>
      </c>
      <c r="D438" t="s">
        <v>8</v>
      </c>
      <c r="E438" t="s">
        <v>50</v>
      </c>
      <c r="F438" s="1">
        <v>0</v>
      </c>
    </row>
    <row r="439" spans="1:6" x14ac:dyDescent="0.25">
      <c r="A439">
        <v>110</v>
      </c>
      <c r="B439" t="s">
        <v>6</v>
      </c>
      <c r="C439" t="s">
        <v>7</v>
      </c>
      <c r="D439" t="s">
        <v>8</v>
      </c>
      <c r="E439" t="s">
        <v>50</v>
      </c>
      <c r="F439" s="1">
        <v>-1</v>
      </c>
    </row>
    <row r="440" spans="1:6" x14ac:dyDescent="0.25">
      <c r="A440">
        <v>110</v>
      </c>
      <c r="B440" t="s">
        <v>6</v>
      </c>
      <c r="C440" t="s">
        <v>7</v>
      </c>
      <c r="D440" t="s">
        <v>8</v>
      </c>
      <c r="E440" t="s">
        <v>50</v>
      </c>
      <c r="F440" s="1">
        <v>3767</v>
      </c>
    </row>
    <row r="441" spans="1:6" x14ac:dyDescent="0.25">
      <c r="A441">
        <v>110</v>
      </c>
      <c r="B441" t="s">
        <v>6</v>
      </c>
      <c r="C441" t="s">
        <v>7</v>
      </c>
      <c r="D441" t="s">
        <v>8</v>
      </c>
      <c r="E441" t="s">
        <v>50</v>
      </c>
      <c r="F441" s="1">
        <v>-191</v>
      </c>
    </row>
    <row r="442" spans="1:6" x14ac:dyDescent="0.25">
      <c r="A442">
        <v>110</v>
      </c>
      <c r="B442" t="s">
        <v>6</v>
      </c>
      <c r="C442" t="s">
        <v>7</v>
      </c>
      <c r="D442" t="s">
        <v>8</v>
      </c>
      <c r="E442" t="s">
        <v>51</v>
      </c>
      <c r="F442" s="1">
        <v>0</v>
      </c>
    </row>
    <row r="443" spans="1:6" x14ac:dyDescent="0.25">
      <c r="A443">
        <v>110</v>
      </c>
      <c r="B443" t="s">
        <v>6</v>
      </c>
      <c r="C443" t="s">
        <v>7</v>
      </c>
      <c r="D443" t="s">
        <v>8</v>
      </c>
      <c r="E443" t="s">
        <v>51</v>
      </c>
      <c r="F443" s="1">
        <v>0</v>
      </c>
    </row>
    <row r="444" spans="1:6" x14ac:dyDescent="0.25">
      <c r="A444">
        <v>110</v>
      </c>
      <c r="B444" t="s">
        <v>6</v>
      </c>
      <c r="C444" t="s">
        <v>7</v>
      </c>
      <c r="D444" t="s">
        <v>8</v>
      </c>
      <c r="E444" t="s">
        <v>51</v>
      </c>
      <c r="F444" s="1">
        <v>3810</v>
      </c>
    </row>
    <row r="445" spans="1:6" x14ac:dyDescent="0.25">
      <c r="A445">
        <v>110</v>
      </c>
      <c r="B445" t="s">
        <v>6</v>
      </c>
      <c r="C445" t="s">
        <v>7</v>
      </c>
      <c r="D445" t="s">
        <v>8</v>
      </c>
      <c r="E445" t="s">
        <v>51</v>
      </c>
      <c r="F445" s="1">
        <v>-183</v>
      </c>
    </row>
    <row r="446" spans="1:6" x14ac:dyDescent="0.25">
      <c r="A446">
        <v>110</v>
      </c>
      <c r="B446" t="s">
        <v>6</v>
      </c>
      <c r="C446" t="s">
        <v>7</v>
      </c>
      <c r="D446" t="s">
        <v>8</v>
      </c>
      <c r="E446" t="s">
        <v>51</v>
      </c>
      <c r="F446" s="1">
        <v>-3</v>
      </c>
    </row>
    <row r="447" spans="1:6" x14ac:dyDescent="0.25">
      <c r="A447">
        <v>110</v>
      </c>
      <c r="B447" t="s">
        <v>6</v>
      </c>
      <c r="C447" t="s">
        <v>7</v>
      </c>
      <c r="D447" t="s">
        <v>8</v>
      </c>
      <c r="E447" t="s">
        <v>51</v>
      </c>
      <c r="F447" s="1">
        <v>0</v>
      </c>
    </row>
    <row r="448" spans="1:6" x14ac:dyDescent="0.25">
      <c r="A448">
        <v>110</v>
      </c>
      <c r="B448" t="s">
        <v>6</v>
      </c>
      <c r="C448" t="s">
        <v>7</v>
      </c>
      <c r="D448" t="s">
        <v>8</v>
      </c>
      <c r="E448" t="s">
        <v>51</v>
      </c>
      <c r="F448" s="1">
        <v>-5</v>
      </c>
    </row>
    <row r="449" spans="1:6" x14ac:dyDescent="0.25">
      <c r="A449">
        <v>110</v>
      </c>
      <c r="B449" t="s">
        <v>6</v>
      </c>
      <c r="C449" t="s">
        <v>7</v>
      </c>
      <c r="D449" t="s">
        <v>8</v>
      </c>
      <c r="E449" t="s">
        <v>52</v>
      </c>
      <c r="F449" s="1">
        <v>-4</v>
      </c>
    </row>
    <row r="450" spans="1:6" x14ac:dyDescent="0.25">
      <c r="A450">
        <v>110</v>
      </c>
      <c r="B450" t="s">
        <v>6</v>
      </c>
      <c r="C450" t="s">
        <v>7</v>
      </c>
      <c r="D450" t="s">
        <v>8</v>
      </c>
      <c r="E450" t="s">
        <v>52</v>
      </c>
      <c r="F450" s="1">
        <v>-1</v>
      </c>
    </row>
    <row r="451" spans="1:6" x14ac:dyDescent="0.25">
      <c r="A451">
        <v>110</v>
      </c>
      <c r="B451" t="s">
        <v>6</v>
      </c>
      <c r="C451" t="s">
        <v>7</v>
      </c>
      <c r="D451" t="s">
        <v>8</v>
      </c>
      <c r="E451" t="s">
        <v>52</v>
      </c>
      <c r="F451" s="1">
        <v>0</v>
      </c>
    </row>
    <row r="452" spans="1:6" x14ac:dyDescent="0.25">
      <c r="A452">
        <v>110</v>
      </c>
      <c r="B452" t="s">
        <v>6</v>
      </c>
      <c r="C452" t="s">
        <v>7</v>
      </c>
      <c r="D452" t="s">
        <v>8</v>
      </c>
      <c r="E452" t="s">
        <v>52</v>
      </c>
      <c r="F452" s="1">
        <v>0</v>
      </c>
    </row>
    <row r="453" spans="1:6" x14ac:dyDescent="0.25">
      <c r="A453">
        <v>110</v>
      </c>
      <c r="B453" t="s">
        <v>6</v>
      </c>
      <c r="C453" t="s">
        <v>7</v>
      </c>
      <c r="D453" t="s">
        <v>8</v>
      </c>
      <c r="E453" t="s">
        <v>52</v>
      </c>
      <c r="F453" s="1">
        <v>4025</v>
      </c>
    </row>
    <row r="454" spans="1:6" x14ac:dyDescent="0.25">
      <c r="A454">
        <v>110</v>
      </c>
      <c r="B454" t="s">
        <v>6</v>
      </c>
      <c r="C454" t="s">
        <v>7</v>
      </c>
      <c r="D454" t="s">
        <v>8</v>
      </c>
      <c r="E454" t="s">
        <v>52</v>
      </c>
      <c r="F454" s="1">
        <v>-18</v>
      </c>
    </row>
    <row r="455" spans="1:6" x14ac:dyDescent="0.25">
      <c r="A455">
        <v>110</v>
      </c>
      <c r="B455" t="s">
        <v>6</v>
      </c>
      <c r="C455" t="s">
        <v>7</v>
      </c>
      <c r="D455" t="s">
        <v>8</v>
      </c>
      <c r="E455" t="s">
        <v>52</v>
      </c>
      <c r="F455" s="1">
        <v>1</v>
      </c>
    </row>
    <row r="456" spans="1:6" x14ac:dyDescent="0.25">
      <c r="A456">
        <v>110</v>
      </c>
      <c r="B456" t="s">
        <v>6</v>
      </c>
      <c r="C456" t="s">
        <v>7</v>
      </c>
      <c r="D456" t="s">
        <v>8</v>
      </c>
      <c r="E456" t="s">
        <v>52</v>
      </c>
      <c r="F456" s="1">
        <v>-221</v>
      </c>
    </row>
    <row r="457" spans="1:6" x14ac:dyDescent="0.25">
      <c r="A457">
        <v>110</v>
      </c>
      <c r="B457" t="s">
        <v>6</v>
      </c>
      <c r="C457" t="s">
        <v>7</v>
      </c>
      <c r="D457" t="s">
        <v>8</v>
      </c>
      <c r="E457" t="s">
        <v>53</v>
      </c>
      <c r="F457" s="1">
        <v>4146</v>
      </c>
    </row>
    <row r="458" spans="1:6" x14ac:dyDescent="0.25">
      <c r="A458">
        <v>110</v>
      </c>
      <c r="B458" t="s">
        <v>6</v>
      </c>
      <c r="C458" t="s">
        <v>7</v>
      </c>
      <c r="D458" t="s">
        <v>8</v>
      </c>
      <c r="E458" t="s">
        <v>53</v>
      </c>
      <c r="F458" s="1">
        <v>-215</v>
      </c>
    </row>
    <row r="459" spans="1:6" x14ac:dyDescent="0.25">
      <c r="A459">
        <v>110</v>
      </c>
      <c r="B459" t="s">
        <v>6</v>
      </c>
      <c r="C459" t="s">
        <v>7</v>
      </c>
      <c r="D459" t="s">
        <v>8</v>
      </c>
      <c r="E459" t="s">
        <v>53</v>
      </c>
      <c r="F459" s="1">
        <v>-4</v>
      </c>
    </row>
    <row r="460" spans="1:6" x14ac:dyDescent="0.25">
      <c r="A460">
        <v>110</v>
      </c>
      <c r="B460" t="s">
        <v>6</v>
      </c>
      <c r="C460" t="s">
        <v>7</v>
      </c>
      <c r="D460" t="s">
        <v>8</v>
      </c>
      <c r="E460" t="s">
        <v>53</v>
      </c>
      <c r="F460" s="1">
        <v>-1</v>
      </c>
    </row>
    <row r="461" spans="1:6" x14ac:dyDescent="0.25">
      <c r="A461">
        <v>110</v>
      </c>
      <c r="B461" t="s">
        <v>6</v>
      </c>
      <c r="C461" t="s">
        <v>7</v>
      </c>
      <c r="D461" t="s">
        <v>8</v>
      </c>
      <c r="E461" t="s">
        <v>53</v>
      </c>
      <c r="F461" s="1">
        <v>0</v>
      </c>
    </row>
    <row r="462" spans="1:6" x14ac:dyDescent="0.25">
      <c r="A462">
        <v>110</v>
      </c>
      <c r="B462" t="s">
        <v>6</v>
      </c>
      <c r="C462" t="s">
        <v>7</v>
      </c>
      <c r="D462" t="s">
        <v>8</v>
      </c>
      <c r="E462" t="s">
        <v>53</v>
      </c>
      <c r="F462" s="1">
        <v>-1</v>
      </c>
    </row>
    <row r="463" spans="1:6" x14ac:dyDescent="0.25">
      <c r="A463">
        <v>110</v>
      </c>
      <c r="B463" t="s">
        <v>6</v>
      </c>
      <c r="C463" t="s">
        <v>7</v>
      </c>
      <c r="D463" t="s">
        <v>8</v>
      </c>
      <c r="E463" t="s">
        <v>53</v>
      </c>
      <c r="F463" s="1">
        <v>0</v>
      </c>
    </row>
    <row r="464" spans="1:6" x14ac:dyDescent="0.25">
      <c r="A464">
        <v>110</v>
      </c>
      <c r="B464" t="s">
        <v>6</v>
      </c>
      <c r="C464" t="s">
        <v>7</v>
      </c>
      <c r="D464" t="s">
        <v>8</v>
      </c>
      <c r="E464" t="s">
        <v>53</v>
      </c>
      <c r="F464" s="1">
        <v>0</v>
      </c>
    </row>
    <row r="465" spans="1:6" x14ac:dyDescent="0.25">
      <c r="A465">
        <v>110</v>
      </c>
      <c r="B465" t="s">
        <v>6</v>
      </c>
      <c r="C465" t="s">
        <v>7</v>
      </c>
      <c r="D465" t="s">
        <v>8</v>
      </c>
      <c r="E465" t="s">
        <v>54</v>
      </c>
      <c r="F465" s="1">
        <v>0</v>
      </c>
    </row>
    <row r="466" spans="1:6" x14ac:dyDescent="0.25">
      <c r="A466">
        <v>110</v>
      </c>
      <c r="B466" t="s">
        <v>6</v>
      </c>
      <c r="C466" t="s">
        <v>7</v>
      </c>
      <c r="D466" t="s">
        <v>8</v>
      </c>
      <c r="E466" t="s">
        <v>54</v>
      </c>
      <c r="F466" s="1">
        <v>0</v>
      </c>
    </row>
    <row r="467" spans="1:6" x14ac:dyDescent="0.25">
      <c r="A467">
        <v>110</v>
      </c>
      <c r="B467" t="s">
        <v>6</v>
      </c>
      <c r="C467" t="s">
        <v>7</v>
      </c>
      <c r="D467" t="s">
        <v>8</v>
      </c>
      <c r="E467" t="s">
        <v>54</v>
      </c>
      <c r="F467" s="1">
        <v>4607</v>
      </c>
    </row>
    <row r="468" spans="1:6" x14ac:dyDescent="0.25">
      <c r="A468">
        <v>110</v>
      </c>
      <c r="B468" t="s">
        <v>6</v>
      </c>
      <c r="C468" t="s">
        <v>7</v>
      </c>
      <c r="D468" t="s">
        <v>8</v>
      </c>
      <c r="E468" t="s">
        <v>54</v>
      </c>
      <c r="F468" s="1">
        <v>-2</v>
      </c>
    </row>
    <row r="469" spans="1:6" x14ac:dyDescent="0.25">
      <c r="A469">
        <v>110</v>
      </c>
      <c r="B469" t="s">
        <v>6</v>
      </c>
      <c r="C469" t="s">
        <v>7</v>
      </c>
      <c r="D469" t="s">
        <v>8</v>
      </c>
      <c r="E469" t="s">
        <v>54</v>
      </c>
      <c r="F469" s="1">
        <v>0</v>
      </c>
    </row>
    <row r="470" spans="1:6" x14ac:dyDescent="0.25">
      <c r="A470">
        <v>110</v>
      </c>
      <c r="B470" t="s">
        <v>6</v>
      </c>
      <c r="C470" t="s">
        <v>7</v>
      </c>
      <c r="D470" t="s">
        <v>8</v>
      </c>
      <c r="E470" t="s">
        <v>54</v>
      </c>
      <c r="F470" s="1">
        <v>1</v>
      </c>
    </row>
    <row r="471" spans="1:6" x14ac:dyDescent="0.25">
      <c r="A471">
        <v>110</v>
      </c>
      <c r="B471" t="s">
        <v>6</v>
      </c>
      <c r="C471" t="s">
        <v>7</v>
      </c>
      <c r="D471" t="s">
        <v>8</v>
      </c>
      <c r="E471" t="s">
        <v>54</v>
      </c>
      <c r="F471" s="1">
        <v>-234</v>
      </c>
    </row>
    <row r="472" spans="1:6" x14ac:dyDescent="0.25">
      <c r="A472">
        <v>110</v>
      </c>
      <c r="B472" t="s">
        <v>6</v>
      </c>
      <c r="C472" t="s">
        <v>7</v>
      </c>
      <c r="D472" t="s">
        <v>8</v>
      </c>
      <c r="E472" t="s">
        <v>55</v>
      </c>
      <c r="F472" s="1">
        <v>4214</v>
      </c>
    </row>
    <row r="473" spans="1:6" x14ac:dyDescent="0.25">
      <c r="A473">
        <v>110</v>
      </c>
      <c r="B473" t="s">
        <v>6</v>
      </c>
      <c r="C473" t="s">
        <v>7</v>
      </c>
      <c r="D473" t="s">
        <v>8</v>
      </c>
      <c r="E473" t="s">
        <v>55</v>
      </c>
      <c r="F473" s="1">
        <v>0</v>
      </c>
    </row>
    <row r="474" spans="1:6" x14ac:dyDescent="0.25">
      <c r="A474">
        <v>110</v>
      </c>
      <c r="B474" t="s">
        <v>6</v>
      </c>
      <c r="C474" t="s">
        <v>7</v>
      </c>
      <c r="D474" t="s">
        <v>8</v>
      </c>
      <c r="E474" t="s">
        <v>55</v>
      </c>
      <c r="F474" s="1">
        <v>-181</v>
      </c>
    </row>
    <row r="475" spans="1:6" x14ac:dyDescent="0.25">
      <c r="A475">
        <v>110</v>
      </c>
      <c r="B475" t="s">
        <v>6</v>
      </c>
      <c r="C475" t="s">
        <v>7</v>
      </c>
      <c r="D475" t="s">
        <v>8</v>
      </c>
      <c r="E475" t="s">
        <v>55</v>
      </c>
      <c r="F475" s="1">
        <v>0</v>
      </c>
    </row>
    <row r="476" spans="1:6" x14ac:dyDescent="0.25">
      <c r="A476">
        <v>110</v>
      </c>
      <c r="B476" t="s">
        <v>6</v>
      </c>
      <c r="C476" t="s">
        <v>7</v>
      </c>
      <c r="D476" t="s">
        <v>8</v>
      </c>
      <c r="E476" t="s">
        <v>55</v>
      </c>
      <c r="F476" s="1">
        <v>1</v>
      </c>
    </row>
    <row r="477" spans="1:6" x14ac:dyDescent="0.25">
      <c r="A477">
        <v>110</v>
      </c>
      <c r="B477" t="s">
        <v>6</v>
      </c>
      <c r="C477" t="s">
        <v>7</v>
      </c>
      <c r="D477" t="s">
        <v>8</v>
      </c>
      <c r="E477" t="s">
        <v>56</v>
      </c>
      <c r="F477" s="1">
        <v>2</v>
      </c>
    </row>
    <row r="478" spans="1:6" x14ac:dyDescent="0.25">
      <c r="A478">
        <v>110</v>
      </c>
      <c r="B478" t="s">
        <v>6</v>
      </c>
      <c r="C478" t="s">
        <v>7</v>
      </c>
      <c r="D478" t="s">
        <v>8</v>
      </c>
      <c r="E478" t="s">
        <v>56</v>
      </c>
      <c r="F478" s="1">
        <v>-1</v>
      </c>
    </row>
    <row r="479" spans="1:6" x14ac:dyDescent="0.25">
      <c r="A479">
        <v>110</v>
      </c>
      <c r="B479" t="s">
        <v>6</v>
      </c>
      <c r="C479" t="s">
        <v>7</v>
      </c>
      <c r="D479" t="s">
        <v>8</v>
      </c>
      <c r="E479" t="s">
        <v>56</v>
      </c>
      <c r="F479" s="1">
        <v>-146</v>
      </c>
    </row>
    <row r="480" spans="1:6" x14ac:dyDescent="0.25">
      <c r="A480">
        <v>110</v>
      </c>
      <c r="B480" t="s">
        <v>6</v>
      </c>
      <c r="C480" t="s">
        <v>7</v>
      </c>
      <c r="D480" t="s">
        <v>8</v>
      </c>
      <c r="E480" t="s">
        <v>56</v>
      </c>
      <c r="F480" s="1">
        <v>0</v>
      </c>
    </row>
    <row r="481" spans="1:6" x14ac:dyDescent="0.25">
      <c r="A481">
        <v>110</v>
      </c>
      <c r="B481" t="s">
        <v>6</v>
      </c>
      <c r="C481" t="s">
        <v>7</v>
      </c>
      <c r="D481" t="s">
        <v>8</v>
      </c>
      <c r="E481" t="s">
        <v>56</v>
      </c>
      <c r="F481" s="1">
        <v>12</v>
      </c>
    </row>
    <row r="482" spans="1:6" x14ac:dyDescent="0.25">
      <c r="A482">
        <v>110</v>
      </c>
      <c r="B482" t="s">
        <v>6</v>
      </c>
      <c r="C482" t="s">
        <v>7</v>
      </c>
      <c r="D482" t="s">
        <v>8</v>
      </c>
      <c r="E482" t="s">
        <v>56</v>
      </c>
      <c r="F482" s="1">
        <v>3919</v>
      </c>
    </row>
    <row r="483" spans="1:6" x14ac:dyDescent="0.25">
      <c r="A483">
        <v>110</v>
      </c>
      <c r="B483" t="s">
        <v>6</v>
      </c>
      <c r="C483" t="s">
        <v>7</v>
      </c>
      <c r="D483" t="s">
        <v>8</v>
      </c>
      <c r="E483" t="s">
        <v>57</v>
      </c>
      <c r="F483" s="1">
        <v>-59</v>
      </c>
    </row>
    <row r="484" spans="1:6" x14ac:dyDescent="0.25">
      <c r="A484">
        <v>110</v>
      </c>
      <c r="B484" t="s">
        <v>6</v>
      </c>
      <c r="C484" t="s">
        <v>7</v>
      </c>
      <c r="D484" t="s">
        <v>8</v>
      </c>
      <c r="E484" t="s">
        <v>57</v>
      </c>
      <c r="F484" s="1">
        <v>2074</v>
      </c>
    </row>
    <row r="485" spans="1:6" x14ac:dyDescent="0.25">
      <c r="A485">
        <v>110</v>
      </c>
      <c r="B485" t="s">
        <v>6</v>
      </c>
      <c r="C485" t="s">
        <v>7</v>
      </c>
      <c r="D485" t="s">
        <v>8</v>
      </c>
      <c r="E485" t="s">
        <v>57</v>
      </c>
      <c r="F485" s="1">
        <v>0</v>
      </c>
    </row>
    <row r="486" spans="1:6" x14ac:dyDescent="0.25">
      <c r="A486">
        <v>110</v>
      </c>
      <c r="B486" t="s">
        <v>6</v>
      </c>
      <c r="C486" t="s">
        <v>7</v>
      </c>
      <c r="D486" t="s">
        <v>8</v>
      </c>
      <c r="E486" t="s">
        <v>57</v>
      </c>
      <c r="F486" s="1">
        <v>675</v>
      </c>
    </row>
    <row r="487" spans="1:6" x14ac:dyDescent="0.25">
      <c r="A487">
        <v>110</v>
      </c>
      <c r="B487" t="s">
        <v>6</v>
      </c>
      <c r="C487" t="s">
        <v>7</v>
      </c>
      <c r="D487" t="s">
        <v>8</v>
      </c>
      <c r="E487" t="s">
        <v>57</v>
      </c>
      <c r="F487" s="1">
        <v>0</v>
      </c>
    </row>
    <row r="488" spans="1:6" x14ac:dyDescent="0.25">
      <c r="A488">
        <v>110</v>
      </c>
      <c r="B488" t="s">
        <v>6</v>
      </c>
      <c r="C488" t="s">
        <v>7</v>
      </c>
      <c r="D488" t="s">
        <v>8</v>
      </c>
      <c r="E488" t="s">
        <v>57</v>
      </c>
      <c r="F488" s="1">
        <v>527</v>
      </c>
    </row>
    <row r="489" spans="1:6" x14ac:dyDescent="0.25">
      <c r="A489">
        <v>110</v>
      </c>
      <c r="B489" t="s">
        <v>6</v>
      </c>
      <c r="C489" t="s">
        <v>7</v>
      </c>
      <c r="D489" t="s">
        <v>8</v>
      </c>
      <c r="E489" t="s">
        <v>57</v>
      </c>
      <c r="F489" s="1">
        <v>-75</v>
      </c>
    </row>
    <row r="490" spans="1:6" x14ac:dyDescent="0.25">
      <c r="A490">
        <v>110</v>
      </c>
      <c r="B490" t="s">
        <v>6</v>
      </c>
      <c r="C490" t="s">
        <v>7</v>
      </c>
      <c r="D490" t="s">
        <v>8</v>
      </c>
      <c r="E490" t="s">
        <v>58</v>
      </c>
      <c r="F490" s="1">
        <v>3151</v>
      </c>
    </row>
    <row r="491" spans="1:6" x14ac:dyDescent="0.25">
      <c r="A491">
        <v>110</v>
      </c>
      <c r="B491" t="s">
        <v>6</v>
      </c>
      <c r="C491" t="s">
        <v>7</v>
      </c>
      <c r="D491" t="s">
        <v>8</v>
      </c>
      <c r="E491" t="s">
        <v>58</v>
      </c>
      <c r="F491" s="1">
        <v>0</v>
      </c>
    </row>
    <row r="492" spans="1:6" x14ac:dyDescent="0.25">
      <c r="A492">
        <v>110</v>
      </c>
      <c r="B492" t="s">
        <v>6</v>
      </c>
      <c r="C492" t="s">
        <v>7</v>
      </c>
      <c r="D492" t="s">
        <v>8</v>
      </c>
      <c r="E492" t="s">
        <v>58</v>
      </c>
      <c r="F492" s="1">
        <v>-80</v>
      </c>
    </row>
    <row r="493" spans="1:6" x14ac:dyDescent="0.25">
      <c r="A493">
        <v>110</v>
      </c>
      <c r="B493" t="s">
        <v>6</v>
      </c>
      <c r="C493" t="s">
        <v>7</v>
      </c>
      <c r="D493" t="s">
        <v>8</v>
      </c>
      <c r="E493" t="s">
        <v>59</v>
      </c>
      <c r="F493" s="1">
        <v>3195</v>
      </c>
    </row>
    <row r="494" spans="1:6" x14ac:dyDescent="0.25">
      <c r="A494">
        <v>110</v>
      </c>
      <c r="B494" t="s">
        <v>6</v>
      </c>
      <c r="C494" t="s">
        <v>7</v>
      </c>
      <c r="D494" t="s">
        <v>8</v>
      </c>
      <c r="E494" t="s">
        <v>59</v>
      </c>
      <c r="F494" s="1">
        <v>-28</v>
      </c>
    </row>
    <row r="495" spans="1:6" x14ac:dyDescent="0.25">
      <c r="A495">
        <v>110</v>
      </c>
      <c r="B495" t="s">
        <v>6</v>
      </c>
      <c r="C495" t="s">
        <v>7</v>
      </c>
      <c r="D495" t="s">
        <v>8</v>
      </c>
      <c r="E495" t="s">
        <v>59</v>
      </c>
      <c r="F495" s="1">
        <v>0</v>
      </c>
    </row>
    <row r="496" spans="1:6" x14ac:dyDescent="0.25">
      <c r="A496">
        <v>110</v>
      </c>
      <c r="B496" t="s">
        <v>6</v>
      </c>
      <c r="C496" t="s">
        <v>7</v>
      </c>
      <c r="D496" t="s">
        <v>8</v>
      </c>
      <c r="E496" t="s">
        <v>60</v>
      </c>
      <c r="F496" s="1">
        <v>-33</v>
      </c>
    </row>
    <row r="497" spans="1:6" x14ac:dyDescent="0.25">
      <c r="A497">
        <v>110</v>
      </c>
      <c r="B497" t="s">
        <v>6</v>
      </c>
      <c r="C497" t="s">
        <v>7</v>
      </c>
      <c r="D497" t="s">
        <v>8</v>
      </c>
      <c r="E497" t="s">
        <v>60</v>
      </c>
      <c r="F497" s="1">
        <v>0</v>
      </c>
    </row>
    <row r="498" spans="1:6" x14ac:dyDescent="0.25">
      <c r="A498">
        <v>110</v>
      </c>
      <c r="B498" t="s">
        <v>6</v>
      </c>
      <c r="C498" t="s">
        <v>7</v>
      </c>
      <c r="D498" t="s">
        <v>8</v>
      </c>
      <c r="E498" t="s">
        <v>60</v>
      </c>
      <c r="F498" s="1">
        <v>3037</v>
      </c>
    </row>
    <row r="499" spans="1:6" x14ac:dyDescent="0.25">
      <c r="A499">
        <v>110</v>
      </c>
      <c r="B499" t="s">
        <v>6</v>
      </c>
      <c r="C499" t="s">
        <v>7</v>
      </c>
      <c r="D499" t="s">
        <v>8</v>
      </c>
      <c r="E499" t="s">
        <v>61</v>
      </c>
      <c r="F499" s="1">
        <v>-9</v>
      </c>
    </row>
    <row r="500" spans="1:6" x14ac:dyDescent="0.25">
      <c r="A500">
        <v>110</v>
      </c>
      <c r="B500" t="s">
        <v>6</v>
      </c>
      <c r="C500" t="s">
        <v>7</v>
      </c>
      <c r="D500" t="s">
        <v>8</v>
      </c>
      <c r="E500" t="s">
        <v>61</v>
      </c>
      <c r="F500" s="1">
        <v>0</v>
      </c>
    </row>
    <row r="501" spans="1:6" x14ac:dyDescent="0.25">
      <c r="A501">
        <v>110</v>
      </c>
      <c r="B501" t="s">
        <v>6</v>
      </c>
      <c r="C501" t="s">
        <v>7</v>
      </c>
      <c r="D501" t="s">
        <v>8</v>
      </c>
      <c r="E501" t="s">
        <v>61</v>
      </c>
      <c r="F501" s="1">
        <v>2976</v>
      </c>
    </row>
    <row r="502" spans="1:6" x14ac:dyDescent="0.25">
      <c r="A502">
        <v>110</v>
      </c>
      <c r="B502" t="s">
        <v>6</v>
      </c>
      <c r="C502" t="s">
        <v>7</v>
      </c>
      <c r="D502" t="s">
        <v>8</v>
      </c>
      <c r="E502" t="s">
        <v>62</v>
      </c>
      <c r="F502" s="1">
        <v>-12</v>
      </c>
    </row>
    <row r="503" spans="1:6" x14ac:dyDescent="0.25">
      <c r="A503">
        <v>110</v>
      </c>
      <c r="B503" t="s">
        <v>6</v>
      </c>
      <c r="C503" t="s">
        <v>7</v>
      </c>
      <c r="D503" t="s">
        <v>8</v>
      </c>
      <c r="E503" t="s">
        <v>62</v>
      </c>
      <c r="F503" s="1">
        <v>0</v>
      </c>
    </row>
    <row r="504" spans="1:6" x14ac:dyDescent="0.25">
      <c r="A504">
        <v>110</v>
      </c>
      <c r="B504" t="s">
        <v>6</v>
      </c>
      <c r="C504" t="s">
        <v>7</v>
      </c>
      <c r="D504" t="s">
        <v>8</v>
      </c>
      <c r="E504" t="s">
        <v>62</v>
      </c>
      <c r="F504" s="1">
        <v>0</v>
      </c>
    </row>
    <row r="505" spans="1:6" x14ac:dyDescent="0.25">
      <c r="A505">
        <v>110</v>
      </c>
      <c r="B505" t="s">
        <v>6</v>
      </c>
      <c r="C505" t="s">
        <v>7</v>
      </c>
      <c r="D505" t="s">
        <v>8</v>
      </c>
      <c r="E505" t="s">
        <v>62</v>
      </c>
      <c r="F505" s="1">
        <v>3049</v>
      </c>
    </row>
    <row r="506" spans="1:6" x14ac:dyDescent="0.25">
      <c r="A506">
        <v>110</v>
      </c>
      <c r="B506" t="s">
        <v>6</v>
      </c>
      <c r="C506" t="s">
        <v>7</v>
      </c>
      <c r="D506" t="s">
        <v>8</v>
      </c>
      <c r="E506" t="s">
        <v>63</v>
      </c>
      <c r="F506" s="1">
        <v>0</v>
      </c>
    </row>
    <row r="507" spans="1:6" x14ac:dyDescent="0.25">
      <c r="A507">
        <v>110</v>
      </c>
      <c r="B507" t="s">
        <v>6</v>
      </c>
      <c r="C507" t="s">
        <v>7</v>
      </c>
      <c r="D507" t="s">
        <v>8</v>
      </c>
      <c r="E507" t="s">
        <v>63</v>
      </c>
      <c r="F507" s="1">
        <v>3149</v>
      </c>
    </row>
    <row r="508" spans="1:6" x14ac:dyDescent="0.25">
      <c r="A508">
        <v>110</v>
      </c>
      <c r="B508" t="s">
        <v>6</v>
      </c>
      <c r="C508" t="s">
        <v>7</v>
      </c>
      <c r="D508" t="s">
        <v>8</v>
      </c>
      <c r="E508" t="s">
        <v>63</v>
      </c>
      <c r="F508" s="1">
        <v>-4</v>
      </c>
    </row>
    <row r="509" spans="1:6" x14ac:dyDescent="0.25">
      <c r="A509">
        <v>110</v>
      </c>
      <c r="B509" t="s">
        <v>6</v>
      </c>
      <c r="C509" t="s">
        <v>7</v>
      </c>
      <c r="D509" t="s">
        <v>8</v>
      </c>
      <c r="E509" t="s">
        <v>63</v>
      </c>
      <c r="F509" s="1">
        <v>0</v>
      </c>
    </row>
    <row r="510" spans="1:6" x14ac:dyDescent="0.25">
      <c r="A510">
        <v>110</v>
      </c>
      <c r="B510" t="s">
        <v>6</v>
      </c>
      <c r="C510" t="s">
        <v>7</v>
      </c>
      <c r="D510" t="s">
        <v>8</v>
      </c>
      <c r="E510" t="s">
        <v>64</v>
      </c>
      <c r="F510" s="1">
        <v>0</v>
      </c>
    </row>
    <row r="511" spans="1:6" x14ac:dyDescent="0.25">
      <c r="A511">
        <v>110</v>
      </c>
      <c r="B511" t="s">
        <v>6</v>
      </c>
      <c r="C511" t="s">
        <v>7</v>
      </c>
      <c r="D511" t="s">
        <v>8</v>
      </c>
      <c r="E511" t="s">
        <v>64</v>
      </c>
      <c r="F511" s="1">
        <v>0</v>
      </c>
    </row>
    <row r="512" spans="1:6" x14ac:dyDescent="0.25">
      <c r="A512">
        <v>110</v>
      </c>
      <c r="B512" t="s">
        <v>6</v>
      </c>
      <c r="C512" t="s">
        <v>7</v>
      </c>
      <c r="D512" t="s">
        <v>8</v>
      </c>
      <c r="E512" t="s">
        <v>64</v>
      </c>
      <c r="F512" s="1">
        <v>-1</v>
      </c>
    </row>
    <row r="513" spans="1:6" x14ac:dyDescent="0.25">
      <c r="A513">
        <v>110</v>
      </c>
      <c r="B513" t="s">
        <v>6</v>
      </c>
      <c r="C513" t="s">
        <v>7</v>
      </c>
      <c r="D513" t="s">
        <v>8</v>
      </c>
      <c r="E513" t="s">
        <v>64</v>
      </c>
      <c r="F513" s="1">
        <v>2794</v>
      </c>
    </row>
    <row r="514" spans="1:6" x14ac:dyDescent="0.25">
      <c r="A514">
        <v>110</v>
      </c>
      <c r="B514" t="s">
        <v>6</v>
      </c>
      <c r="C514" t="s">
        <v>7</v>
      </c>
      <c r="D514" t="s">
        <v>8</v>
      </c>
      <c r="E514" t="s">
        <v>65</v>
      </c>
      <c r="F514" s="1">
        <v>3525</v>
      </c>
    </row>
    <row r="515" spans="1:6" x14ac:dyDescent="0.25">
      <c r="A515">
        <v>110</v>
      </c>
      <c r="B515" t="s">
        <v>6</v>
      </c>
      <c r="C515" t="s">
        <v>7</v>
      </c>
      <c r="D515" t="s">
        <v>8</v>
      </c>
      <c r="E515" t="s">
        <v>65</v>
      </c>
      <c r="F515" s="1">
        <v>0</v>
      </c>
    </row>
    <row r="516" spans="1:6" x14ac:dyDescent="0.25">
      <c r="A516">
        <v>110</v>
      </c>
      <c r="B516" t="s">
        <v>6</v>
      </c>
      <c r="C516" t="s">
        <v>7</v>
      </c>
      <c r="D516" t="s">
        <v>8</v>
      </c>
      <c r="E516" t="s">
        <v>65</v>
      </c>
      <c r="F516" s="1">
        <v>0</v>
      </c>
    </row>
    <row r="517" spans="1:6" x14ac:dyDescent="0.25">
      <c r="A517">
        <v>110</v>
      </c>
      <c r="B517" t="s">
        <v>6</v>
      </c>
      <c r="C517" t="s">
        <v>7</v>
      </c>
      <c r="D517" t="s">
        <v>8</v>
      </c>
      <c r="E517" t="s">
        <v>66</v>
      </c>
      <c r="F517" s="1">
        <v>3296</v>
      </c>
    </row>
    <row r="518" spans="1:6" x14ac:dyDescent="0.25">
      <c r="A518">
        <v>110</v>
      </c>
      <c r="B518" t="s">
        <v>6</v>
      </c>
      <c r="C518" t="s">
        <v>7</v>
      </c>
      <c r="D518" t="s">
        <v>8</v>
      </c>
      <c r="E518" t="s">
        <v>66</v>
      </c>
      <c r="F518" s="1">
        <v>0</v>
      </c>
    </row>
    <row r="519" spans="1:6" x14ac:dyDescent="0.25">
      <c r="A519">
        <v>110</v>
      </c>
      <c r="B519" t="s">
        <v>6</v>
      </c>
      <c r="C519" t="s">
        <v>7</v>
      </c>
      <c r="D519" t="s">
        <v>8</v>
      </c>
      <c r="E519" t="s">
        <v>66</v>
      </c>
      <c r="F519" s="1">
        <v>0</v>
      </c>
    </row>
    <row r="520" spans="1:6" x14ac:dyDescent="0.25">
      <c r="A520">
        <v>110</v>
      </c>
      <c r="B520" t="s">
        <v>6</v>
      </c>
      <c r="C520" t="s">
        <v>7</v>
      </c>
      <c r="D520" t="s">
        <v>8</v>
      </c>
      <c r="E520" t="s">
        <v>67</v>
      </c>
      <c r="F520" s="1">
        <v>0</v>
      </c>
    </row>
    <row r="521" spans="1:6" x14ac:dyDescent="0.25">
      <c r="A521">
        <v>110</v>
      </c>
      <c r="B521" t="s">
        <v>6</v>
      </c>
      <c r="C521" t="s">
        <v>7</v>
      </c>
      <c r="D521" t="s">
        <v>8</v>
      </c>
      <c r="E521" t="s">
        <v>67</v>
      </c>
      <c r="F521" s="1">
        <v>3116</v>
      </c>
    </row>
    <row r="522" spans="1:6" x14ac:dyDescent="0.25">
      <c r="A522">
        <v>110</v>
      </c>
      <c r="B522" t="s">
        <v>6</v>
      </c>
      <c r="C522" t="s">
        <v>7</v>
      </c>
      <c r="D522" t="s">
        <v>8</v>
      </c>
      <c r="E522" t="s">
        <v>67</v>
      </c>
      <c r="F522" s="1">
        <v>0</v>
      </c>
    </row>
    <row r="523" spans="1:6" x14ac:dyDescent="0.25">
      <c r="A523">
        <v>110</v>
      </c>
      <c r="B523" t="s">
        <v>6</v>
      </c>
      <c r="C523" t="s">
        <v>7</v>
      </c>
      <c r="D523" t="s">
        <v>8</v>
      </c>
      <c r="E523" t="s">
        <v>67</v>
      </c>
      <c r="F523" s="1">
        <v>0</v>
      </c>
    </row>
    <row r="524" spans="1:6" x14ac:dyDescent="0.25">
      <c r="A524">
        <v>110</v>
      </c>
      <c r="B524" t="s">
        <v>6</v>
      </c>
      <c r="C524" t="s">
        <v>7</v>
      </c>
      <c r="D524" t="s">
        <v>8</v>
      </c>
      <c r="E524" t="s">
        <v>68</v>
      </c>
      <c r="F524" s="1">
        <v>0</v>
      </c>
    </row>
    <row r="525" spans="1:6" x14ac:dyDescent="0.25">
      <c r="A525">
        <v>110</v>
      </c>
      <c r="B525" t="s">
        <v>6</v>
      </c>
      <c r="C525" t="s">
        <v>7</v>
      </c>
      <c r="D525" t="s">
        <v>8</v>
      </c>
      <c r="E525" t="s">
        <v>68</v>
      </c>
      <c r="F525" s="1">
        <v>1196</v>
      </c>
    </row>
    <row r="526" spans="1:6" x14ac:dyDescent="0.25">
      <c r="D526" s="2" t="s">
        <v>69</v>
      </c>
      <c r="F526" s="1">
        <f>SUM(F2:F525)</f>
        <v>218310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B64"/>
  <sheetViews>
    <sheetView workbookViewId="0">
      <selection activeCell="D6" sqref="D6"/>
    </sheetView>
  </sheetViews>
  <sheetFormatPr defaultRowHeight="15" x14ac:dyDescent="0.25"/>
  <cols>
    <col min="1" max="1" width="13.140625" bestFit="1" customWidth="1"/>
    <col min="2" max="2" width="22.85546875" bestFit="1" customWidth="1"/>
  </cols>
  <sheetData>
    <row r="3" spans="1:2" x14ac:dyDescent="0.25">
      <c r="A3" s="3" t="s">
        <v>70</v>
      </c>
      <c r="B3" t="s">
        <v>72</v>
      </c>
    </row>
    <row r="4" spans="1:2" x14ac:dyDescent="0.25">
      <c r="A4" s="4" t="s">
        <v>9</v>
      </c>
      <c r="B4" s="5">
        <v>10</v>
      </c>
    </row>
    <row r="5" spans="1:2" x14ac:dyDescent="0.25">
      <c r="A5" s="4" t="s">
        <v>10</v>
      </c>
      <c r="B5" s="5">
        <v>3</v>
      </c>
    </row>
    <row r="6" spans="1:2" x14ac:dyDescent="0.25">
      <c r="A6" s="4" t="s">
        <v>11</v>
      </c>
      <c r="B6" s="5">
        <v>10</v>
      </c>
    </row>
    <row r="7" spans="1:2" x14ac:dyDescent="0.25">
      <c r="A7" s="4" t="s">
        <v>12</v>
      </c>
      <c r="B7" s="5">
        <v>21</v>
      </c>
    </row>
    <row r="8" spans="1:2" x14ac:dyDescent="0.25">
      <c r="A8" s="4" t="s">
        <v>13</v>
      </c>
      <c r="B8" s="5">
        <v>35</v>
      </c>
    </row>
    <row r="9" spans="1:2" x14ac:dyDescent="0.25">
      <c r="A9" s="4" t="s">
        <v>14</v>
      </c>
      <c r="B9" s="5">
        <v>63</v>
      </c>
    </row>
    <row r="10" spans="1:2" x14ac:dyDescent="0.25">
      <c r="A10" s="4" t="s">
        <v>15</v>
      </c>
      <c r="B10" s="5">
        <v>99</v>
      </c>
    </row>
    <row r="11" spans="1:2" x14ac:dyDescent="0.25">
      <c r="A11" s="4" t="s">
        <v>16</v>
      </c>
      <c r="B11" s="5">
        <v>138</v>
      </c>
    </row>
    <row r="12" spans="1:2" x14ac:dyDescent="0.25">
      <c r="A12" s="4" t="s">
        <v>17</v>
      </c>
      <c r="B12" s="5">
        <v>195</v>
      </c>
    </row>
    <row r="13" spans="1:2" x14ac:dyDescent="0.25">
      <c r="A13" s="4" t="s">
        <v>18</v>
      </c>
      <c r="B13" s="5">
        <v>256</v>
      </c>
    </row>
    <row r="14" spans="1:2" x14ac:dyDescent="0.25">
      <c r="A14" s="4" t="s">
        <v>19</v>
      </c>
      <c r="B14" s="5">
        <v>457</v>
      </c>
    </row>
    <row r="15" spans="1:2" x14ac:dyDescent="0.25">
      <c r="A15" s="4" t="s">
        <v>20</v>
      </c>
      <c r="B15" s="5">
        <v>629</v>
      </c>
    </row>
    <row r="16" spans="1:2" x14ac:dyDescent="0.25">
      <c r="A16" s="4" t="s">
        <v>21</v>
      </c>
      <c r="B16" s="5">
        <v>726</v>
      </c>
    </row>
    <row r="17" spans="1:2" x14ac:dyDescent="0.25">
      <c r="A17" s="4" t="s">
        <v>22</v>
      </c>
      <c r="B17" s="5">
        <v>878</v>
      </c>
    </row>
    <row r="18" spans="1:2" x14ac:dyDescent="0.25">
      <c r="A18" s="4" t="s">
        <v>23</v>
      </c>
      <c r="B18" s="5">
        <v>1384</v>
      </c>
    </row>
    <row r="19" spans="1:2" x14ac:dyDescent="0.25">
      <c r="A19" s="4" t="s">
        <v>24</v>
      </c>
      <c r="B19" s="5">
        <v>2190</v>
      </c>
    </row>
    <row r="20" spans="1:2" x14ac:dyDescent="0.25">
      <c r="A20" s="4" t="s">
        <v>25</v>
      </c>
      <c r="B20" s="5">
        <v>2631</v>
      </c>
    </row>
    <row r="21" spans="1:2" x14ac:dyDescent="0.25">
      <c r="A21" s="4" t="s">
        <v>26</v>
      </c>
      <c r="B21" s="5">
        <v>3527</v>
      </c>
    </row>
    <row r="22" spans="1:2" x14ac:dyDescent="0.25">
      <c r="A22" s="4" t="s">
        <v>27</v>
      </c>
      <c r="B22" s="5">
        <v>4752</v>
      </c>
    </row>
    <row r="23" spans="1:2" x14ac:dyDescent="0.25">
      <c r="A23" s="4" t="s">
        <v>28</v>
      </c>
      <c r="B23" s="5">
        <v>5826</v>
      </c>
    </row>
    <row r="24" spans="1:2" x14ac:dyDescent="0.25">
      <c r="A24" s="4" t="s">
        <v>29</v>
      </c>
      <c r="B24" s="5">
        <v>5375</v>
      </c>
    </row>
    <row r="25" spans="1:2" x14ac:dyDescent="0.25">
      <c r="A25" s="4" t="s">
        <v>30</v>
      </c>
      <c r="B25" s="5">
        <v>4703</v>
      </c>
    </row>
    <row r="26" spans="1:2" x14ac:dyDescent="0.25">
      <c r="A26" s="4" t="s">
        <v>31</v>
      </c>
      <c r="B26" s="5">
        <v>5668</v>
      </c>
    </row>
    <row r="27" spans="1:2" x14ac:dyDescent="0.25">
      <c r="A27" s="4" t="s">
        <v>32</v>
      </c>
      <c r="B27" s="5">
        <v>6712</v>
      </c>
    </row>
    <row r="28" spans="1:2" x14ac:dyDescent="0.25">
      <c r="A28" s="4" t="s">
        <v>33</v>
      </c>
      <c r="B28" s="5">
        <v>6763</v>
      </c>
    </row>
    <row r="29" spans="1:2" x14ac:dyDescent="0.25">
      <c r="A29" s="4" t="s">
        <v>34</v>
      </c>
      <c r="B29" s="5">
        <v>5924</v>
      </c>
    </row>
    <row r="30" spans="1:2" x14ac:dyDescent="0.25">
      <c r="A30" s="4" t="s">
        <v>35</v>
      </c>
      <c r="B30" s="5">
        <v>5218</v>
      </c>
    </row>
    <row r="31" spans="1:2" x14ac:dyDescent="0.25">
      <c r="A31" s="4" t="s">
        <v>36</v>
      </c>
      <c r="B31" s="5">
        <v>2048</v>
      </c>
    </row>
    <row r="32" spans="1:2" x14ac:dyDescent="0.25">
      <c r="A32" s="4" t="s">
        <v>37</v>
      </c>
      <c r="B32" s="5">
        <v>6375</v>
      </c>
    </row>
    <row r="33" spans="1:2" x14ac:dyDescent="0.25">
      <c r="A33" s="4" t="s">
        <v>38</v>
      </c>
      <c r="B33" s="5">
        <v>8017</v>
      </c>
    </row>
    <row r="34" spans="1:2" x14ac:dyDescent="0.25">
      <c r="A34" s="4" t="s">
        <v>39</v>
      </c>
      <c r="B34" s="5">
        <v>8623</v>
      </c>
    </row>
    <row r="35" spans="1:2" x14ac:dyDescent="0.25">
      <c r="A35" s="4" t="s">
        <v>40</v>
      </c>
      <c r="B35" s="5">
        <v>7996</v>
      </c>
    </row>
    <row r="36" spans="1:2" x14ac:dyDescent="0.25">
      <c r="A36" s="4" t="s">
        <v>41</v>
      </c>
      <c r="B36" s="5">
        <v>9229</v>
      </c>
    </row>
    <row r="37" spans="1:2" x14ac:dyDescent="0.25">
      <c r="A37" s="4" t="s">
        <v>42</v>
      </c>
      <c r="B37" s="5">
        <v>8524</v>
      </c>
    </row>
    <row r="38" spans="1:2" x14ac:dyDescent="0.25">
      <c r="A38" s="4" t="s">
        <v>43</v>
      </c>
      <c r="B38" s="5">
        <v>11601</v>
      </c>
    </row>
    <row r="39" spans="1:2" x14ac:dyDescent="0.25">
      <c r="A39" s="4" t="s">
        <v>44</v>
      </c>
      <c r="B39" s="5">
        <v>3538</v>
      </c>
    </row>
    <row r="40" spans="1:2" x14ac:dyDescent="0.25">
      <c r="A40" s="4" t="s">
        <v>45</v>
      </c>
      <c r="B40" s="5">
        <v>3838</v>
      </c>
    </row>
    <row r="41" spans="1:2" x14ac:dyDescent="0.25">
      <c r="A41" s="4" t="s">
        <v>46</v>
      </c>
      <c r="B41" s="5">
        <v>4122</v>
      </c>
    </row>
    <row r="42" spans="1:2" x14ac:dyDescent="0.25">
      <c r="A42" s="4" t="s">
        <v>47</v>
      </c>
      <c r="B42" s="5">
        <v>7911</v>
      </c>
    </row>
    <row r="43" spans="1:2" x14ac:dyDescent="0.25">
      <c r="A43" s="4" t="s">
        <v>48</v>
      </c>
      <c r="B43" s="5">
        <v>4530</v>
      </c>
    </row>
    <row r="44" spans="1:2" x14ac:dyDescent="0.25">
      <c r="A44" s="4" t="s">
        <v>49</v>
      </c>
      <c r="B44" s="5">
        <v>5226</v>
      </c>
    </row>
    <row r="45" spans="1:2" x14ac:dyDescent="0.25">
      <c r="A45" s="4" t="s">
        <v>50</v>
      </c>
      <c r="B45" s="5">
        <v>3562</v>
      </c>
    </row>
    <row r="46" spans="1:2" x14ac:dyDescent="0.25">
      <c r="A46" s="4" t="s">
        <v>51</v>
      </c>
      <c r="B46" s="5">
        <v>3619</v>
      </c>
    </row>
    <row r="47" spans="1:2" x14ac:dyDescent="0.25">
      <c r="A47" s="4" t="s">
        <v>52</v>
      </c>
      <c r="B47" s="5">
        <v>3782</v>
      </c>
    </row>
    <row r="48" spans="1:2" x14ac:dyDescent="0.25">
      <c r="A48" s="4" t="s">
        <v>53</v>
      </c>
      <c r="B48" s="5">
        <v>3925</v>
      </c>
    </row>
    <row r="49" spans="1:2" x14ac:dyDescent="0.25">
      <c r="A49" s="4" t="s">
        <v>54</v>
      </c>
      <c r="B49" s="5">
        <v>4372</v>
      </c>
    </row>
    <row r="50" spans="1:2" x14ac:dyDescent="0.25">
      <c r="A50" s="4" t="s">
        <v>55</v>
      </c>
      <c r="B50" s="5">
        <v>4034</v>
      </c>
    </row>
    <row r="51" spans="1:2" x14ac:dyDescent="0.25">
      <c r="A51" s="4" t="s">
        <v>56</v>
      </c>
      <c r="B51" s="5">
        <v>3786</v>
      </c>
    </row>
    <row r="52" spans="1:2" x14ac:dyDescent="0.25">
      <c r="A52" s="4" t="s">
        <v>57</v>
      </c>
      <c r="B52" s="5">
        <v>3142</v>
      </c>
    </row>
    <row r="53" spans="1:2" x14ac:dyDescent="0.25">
      <c r="A53" s="4" t="s">
        <v>58</v>
      </c>
      <c r="B53" s="5">
        <v>3071</v>
      </c>
    </row>
    <row r="54" spans="1:2" x14ac:dyDescent="0.25">
      <c r="A54" s="4" t="s">
        <v>59</v>
      </c>
      <c r="B54" s="5">
        <v>3167</v>
      </c>
    </row>
    <row r="55" spans="1:2" x14ac:dyDescent="0.25">
      <c r="A55" s="4" t="s">
        <v>60</v>
      </c>
      <c r="B55" s="5">
        <v>3004</v>
      </c>
    </row>
    <row r="56" spans="1:2" x14ac:dyDescent="0.25">
      <c r="A56" s="4" t="s">
        <v>61</v>
      </c>
      <c r="B56" s="5">
        <v>2967</v>
      </c>
    </row>
    <row r="57" spans="1:2" x14ac:dyDescent="0.25">
      <c r="A57" s="4" t="s">
        <v>62</v>
      </c>
      <c r="B57" s="5">
        <v>3037</v>
      </c>
    </row>
    <row r="58" spans="1:2" x14ac:dyDescent="0.25">
      <c r="A58" s="4" t="s">
        <v>63</v>
      </c>
      <c r="B58" s="5">
        <v>3145</v>
      </c>
    </row>
    <row r="59" spans="1:2" x14ac:dyDescent="0.25">
      <c r="A59" s="4" t="s">
        <v>64</v>
      </c>
      <c r="B59" s="5">
        <v>2793</v>
      </c>
    </row>
    <row r="60" spans="1:2" x14ac:dyDescent="0.25">
      <c r="A60" s="4" t="s">
        <v>65</v>
      </c>
      <c r="B60" s="5">
        <v>3525</v>
      </c>
    </row>
    <row r="61" spans="1:2" x14ac:dyDescent="0.25">
      <c r="A61" s="4" t="s">
        <v>66</v>
      </c>
      <c r="B61" s="5">
        <v>3296</v>
      </c>
    </row>
    <row r="62" spans="1:2" x14ac:dyDescent="0.25">
      <c r="A62" s="4" t="s">
        <v>67</v>
      </c>
      <c r="B62" s="5">
        <v>3116</v>
      </c>
    </row>
    <row r="63" spans="1:2" x14ac:dyDescent="0.25">
      <c r="A63" s="4" t="s">
        <v>68</v>
      </c>
      <c r="B63" s="5">
        <v>1196</v>
      </c>
    </row>
    <row r="64" spans="1:2" x14ac:dyDescent="0.25">
      <c r="A64" s="4" t="s">
        <v>71</v>
      </c>
      <c r="B64" s="5">
        <v>218310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mM1ZjhlYjEyLTViMjctNDM5ZC1hYWE2LTM0MDJhZjYyNmZhMyIgdmFsdWU9IiIgeG1sbnM9Imh0dHA6Ly93d3cuYm9sZG9uamFtZXMuY29tLzIwMDgvMDEvc2llL2ludGVybmFsL2xhYmVsIiAvPjxlbGVtZW50IHVpZD0iNzRmYjJhNjYtYTZhMC00NjcyLWI2YWQtNDg4ZTVhNDgyNWQ1IiB2YWx1ZT0iIiB4bWxucz0iaHR0cDovL3d3dy5ib2xkb25qYW1lcy5jb20vMjAwOC8wMS9zaWUvaW50ZXJuYWwvbGFiZWwiIC8+PGVsZW1lbnQgdWlkPSJkMTRmNWMzNi1mNDRhLTQzMTUtYjQzOC0wMDVjZmU4ZjA2OWYiIHZhbHVlPSIiIHhtbG5zPSJodHRwOi8vd3d3LmJvbGRvbmphbWVzLmNvbS8yMDA4LzAxL3NpZS9pbnRlcm5hbC9sYWJlbCIgLz48L3Npc2w+PFVzZXJOYW1lPkNPUlBcczE4MjQ1ODwvVXNlck5hbWU+PERhdGVUaW1lPjUvNC8yMDIyIDc6MDk6NDkgUE08L0RhdGVUaW1lPjxMYWJlbFN0cmluZz5BRVAgUHVibGljPC9MYWJlbFN0cmluZz48L2l0ZW0+PC9sYWJlbEhpc3Rvcnk+</Value>
</WrappedLabelHistory>
</file>

<file path=customXml/item2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c5f8eb12-5b27-439d-aaa6-3402af626fa3" value=""/>
  <element uid="74fb2a66-a6a0-4672-b6ad-488e5a4825d5" value=""/>
  <element uid="d14f5c36-f44a-4315-b438-005cfe8f069f" value=""/>
</sisl>
</file>

<file path=customXml/itemProps1.xml><?xml version="1.0" encoding="utf-8"?>
<ds:datastoreItem xmlns:ds="http://schemas.openxmlformats.org/officeDocument/2006/customXml" ds:itemID="{CFAF37A1-C9D6-402E-8554-421A24EA2F34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65AE532D-BDD5-4235-A2DE-7502CA81E8D5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ata</vt:lpstr>
      <vt:lpstr>Pivo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82458</dc:creator>
  <cp:lastModifiedBy>s293063</cp:lastModifiedBy>
  <dcterms:created xsi:type="dcterms:W3CDTF">2022-05-04T17:54:37Z</dcterms:created>
  <dcterms:modified xsi:type="dcterms:W3CDTF">2022-05-04T19:21:4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68d09352-7744-4c97-9ef2-4d47eee9d2b5</vt:lpwstr>
  </property>
  <property fmtid="{D5CDD505-2E9C-101B-9397-08002B2CF9AE}" pid="3" name="bjClsUserRVM">
    <vt:lpwstr>[]</vt:lpwstr>
  </property>
  <property fmtid="{D5CDD505-2E9C-101B-9397-08002B2CF9AE}" pid="4" name="bjSaver">
    <vt:lpwstr>X0IT2qMwikMHsW4LJm0+kn+/hyy/MIYL</vt:lpwstr>
  </property>
  <property fmtid="{D5CDD505-2E9C-101B-9397-08002B2CF9AE}" pid="5" name="bjDocumentSecurityLabel">
    <vt:lpwstr>AEP Public</vt:lpwstr>
  </property>
  <property fmtid="{D5CDD505-2E9C-101B-9397-08002B2CF9AE}" pid="6" name="bjLabelHistoryID">
    <vt:lpwstr>{CFAF37A1-C9D6-402E-8554-421A24EA2F34}</vt:lpwstr>
  </property>
  <property fmtid="{D5CDD505-2E9C-101B-9397-08002B2CF9AE}" pid="7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8" name="bjDocumentLabelXML-0">
    <vt:lpwstr>ames.com/2008/01/sie/internal/label"&gt;&lt;element uid="c5f8eb12-5b27-439d-aaa6-3402af626fa3" value="" /&gt;&lt;element uid="74fb2a66-a6a0-4672-b6ad-488e5a4825d5" value="" /&gt;&lt;element uid="d14f5c36-f44a-4315-b438-005cfe8f069f" value="" /&gt;&lt;/sisl&gt;</vt:lpwstr>
  </property>
</Properties>
</file>